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kfs01\s1169\2021_03人口・労働統計課\01人口\02_人口統計\02_年報\R3年報\06_ホームページ用\"/>
    </mc:Choice>
  </mc:AlternateContent>
  <bookViews>
    <workbookView xWindow="0" yWindow="0" windowWidth="28800" windowHeight="12885"/>
  </bookViews>
  <sheets>
    <sheet name="第６表" sheetId="1" r:id="rId1"/>
  </sheets>
  <externalReferences>
    <externalReference r:id="rId2"/>
  </externalReferences>
  <definedNames>
    <definedName name="_Key1" hidden="1">#REF!</definedName>
    <definedName name="_Order1" hidden="1">255</definedName>
    <definedName name="_Sort" hidden="1">#REF!</definedName>
    <definedName name="月報">"グラフ 1"</definedName>
    <definedName name="市名">[1]様式1!$X$6:$X$9</definedName>
    <definedName name="第１表2011年10月分">#REF!</definedName>
    <definedName name="第１表2011年11月分">#REF!</definedName>
    <definedName name="第１表2011年１月分">#REF!</definedName>
    <definedName name="第１表2011年２月分">#REF!</definedName>
    <definedName name="第１表2011年３月分">#REF!</definedName>
    <definedName name="第１表2011年４月分">#REF!</definedName>
    <definedName name="第１表2011年５月分">#REF!</definedName>
    <definedName name="第１表2011年６月分">#REF!</definedName>
    <definedName name="第１表2011年７月分">#REF!</definedName>
    <definedName name="第１表2011年８月分">#REF!</definedName>
    <definedName name="第１表2011年９月分">#REF!</definedName>
    <definedName name="第５表の１2011年10月分">#REF!</definedName>
    <definedName name="第５表の１2011年11月分">#REF!</definedName>
    <definedName name="第５表の１2011年12月分">#REF!</definedName>
    <definedName name="第５表の１2011年１月分">#REF!</definedName>
    <definedName name="第５表の１2011年２月分">#REF!</definedName>
    <definedName name="第５表の１2011年３月分">#REF!</definedName>
    <definedName name="第５表の１2011年４月分">#REF!</definedName>
    <definedName name="第５表の１2011年５月分">#REF!</definedName>
    <definedName name="第５表の１2011年６月分">#REF!</definedName>
    <definedName name="第５表の１2011年７月分">#REF!</definedName>
    <definedName name="第５表の１2011年８月分">#REF!</definedName>
    <definedName name="第５表の１2011年９月分">#REF!</definedName>
    <definedName name="第５表の２2011年10月分">#REF!</definedName>
    <definedName name="第５表の２2011年11月分">#REF!</definedName>
    <definedName name="第５表の２2011年12月分">#REF!</definedName>
    <definedName name="第５表の２2011年１月分">#REF!</definedName>
    <definedName name="第５表の２2011年２月分">#REF!</definedName>
    <definedName name="第５表の２2011年３月分">#REF!</definedName>
    <definedName name="第５表の２2011年４月分">#REF!</definedName>
    <definedName name="第５表の２2011年５月分">#REF!</definedName>
    <definedName name="第５表の２2011年６月分">#REF!</definedName>
    <definedName name="第５表の２2011年７月分">#REF!</definedName>
    <definedName name="第５表の２2011年８月分">#REF!</definedName>
    <definedName name="第５表の２2011年９月分">#REF!</definedName>
    <definedName name="平成23年１月">#REF!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93" uniqueCount="83">
  <si>
    <t>第６表</t>
    <rPh sb="0" eb="1">
      <t>ダイ</t>
    </rPh>
    <rPh sb="2" eb="3">
      <t>ヒョウ</t>
    </rPh>
    <phoneticPr fontId="2"/>
  </si>
  <si>
    <t>市区町村名</t>
    <rPh sb="0" eb="5">
      <t>シクチョウソンメイ</t>
    </rPh>
    <phoneticPr fontId="2"/>
  </si>
  <si>
    <t>人口増減</t>
    <rPh sb="0" eb="4">
      <t>ジンコウゾウゲン</t>
    </rPh>
    <phoneticPr fontId="2"/>
  </si>
  <si>
    <t>自然増減</t>
    <rPh sb="0" eb="4">
      <t>シゼンゾウゲン</t>
    </rPh>
    <phoneticPr fontId="2"/>
  </si>
  <si>
    <t>社会増減</t>
    <rPh sb="0" eb="4">
      <t>シャカイゾウゲン</t>
    </rPh>
    <phoneticPr fontId="2"/>
  </si>
  <si>
    <t>対前年増減率</t>
    <rPh sb="0" eb="3">
      <t>タイゼンネン</t>
    </rPh>
    <rPh sb="3" eb="6">
      <t>ゾウゲンリツ</t>
    </rPh>
    <phoneticPr fontId="2"/>
  </si>
  <si>
    <t>出生</t>
    <rPh sb="0" eb="2">
      <t>シュッセイ</t>
    </rPh>
    <phoneticPr fontId="2"/>
  </si>
  <si>
    <t>死亡</t>
    <rPh sb="0" eb="2">
      <t>シボウ</t>
    </rPh>
    <phoneticPr fontId="2"/>
  </si>
  <si>
    <t>転入</t>
    <rPh sb="0" eb="2">
      <t>テンニュウ</t>
    </rPh>
    <phoneticPr fontId="2"/>
  </si>
  <si>
    <t>転出</t>
    <rPh sb="0" eb="2">
      <t>テンシュツ</t>
    </rPh>
    <phoneticPr fontId="2"/>
  </si>
  <si>
    <t>自然増減</t>
    <rPh sb="0" eb="2">
      <t>シゼン</t>
    </rPh>
    <rPh sb="2" eb="4">
      <t>ゾウゲン</t>
    </rPh>
    <phoneticPr fontId="2"/>
  </si>
  <si>
    <t>人</t>
    <rPh sb="0" eb="1">
      <t>ヒト</t>
    </rPh>
    <phoneticPr fontId="2"/>
  </si>
  <si>
    <t>％</t>
    <phoneticPr fontId="2"/>
  </si>
  <si>
    <t>％</t>
    <phoneticPr fontId="2"/>
  </si>
  <si>
    <t>県計</t>
    <rPh sb="0" eb="2">
      <t>ケンケイ</t>
    </rPh>
    <phoneticPr fontId="2"/>
  </si>
  <si>
    <t>市部計</t>
    <rPh sb="0" eb="3">
      <t>シブケイ</t>
    </rPh>
    <phoneticPr fontId="2"/>
  </si>
  <si>
    <t>郡部計</t>
    <rPh sb="0" eb="2">
      <t>グンブ</t>
    </rPh>
    <rPh sb="2" eb="3">
      <t>ケイ</t>
    </rPh>
    <phoneticPr fontId="2"/>
  </si>
  <si>
    <t>横浜市</t>
    <rPh sb="0" eb="3">
      <t>ヨコハマシ</t>
    </rPh>
    <phoneticPr fontId="2"/>
  </si>
  <si>
    <t>鶴見区</t>
    <rPh sb="0" eb="3">
      <t>ツルミク</t>
    </rPh>
    <phoneticPr fontId="2"/>
  </si>
  <si>
    <t>神奈川区</t>
    <rPh sb="0" eb="4">
      <t>カナガワク</t>
    </rPh>
    <phoneticPr fontId="2"/>
  </si>
  <si>
    <t>西区</t>
    <rPh sb="0" eb="2">
      <t>ニシク</t>
    </rPh>
    <phoneticPr fontId="2"/>
  </si>
  <si>
    <t>中区</t>
    <rPh sb="0" eb="2">
      <t>ナカク</t>
    </rPh>
    <phoneticPr fontId="2"/>
  </si>
  <si>
    <t>南区</t>
    <rPh sb="0" eb="2">
      <t>ミナミク</t>
    </rPh>
    <phoneticPr fontId="2"/>
  </si>
  <si>
    <t>港南区</t>
    <rPh sb="0" eb="3">
      <t>コウナンク</t>
    </rPh>
    <phoneticPr fontId="2"/>
  </si>
  <si>
    <t>保土ケ谷区</t>
    <rPh sb="0" eb="1">
      <t>タモツ</t>
    </rPh>
    <rPh sb="1" eb="4">
      <t>ツチガヤ</t>
    </rPh>
    <rPh sb="4" eb="5">
      <t>ク</t>
    </rPh>
    <phoneticPr fontId="2"/>
  </si>
  <si>
    <t>旭区</t>
    <rPh sb="0" eb="2">
      <t>アサヒク</t>
    </rPh>
    <phoneticPr fontId="2"/>
  </si>
  <si>
    <t>磯子区</t>
    <rPh sb="0" eb="3">
      <t>イソゴク</t>
    </rPh>
    <phoneticPr fontId="2"/>
  </si>
  <si>
    <t>金沢区</t>
    <rPh sb="0" eb="3">
      <t>カナザワク</t>
    </rPh>
    <phoneticPr fontId="2"/>
  </si>
  <si>
    <t>港北区</t>
    <rPh sb="0" eb="3">
      <t>コウホクク</t>
    </rPh>
    <phoneticPr fontId="2"/>
  </si>
  <si>
    <t>緑区</t>
    <rPh sb="0" eb="2">
      <t>ミドリク</t>
    </rPh>
    <phoneticPr fontId="2"/>
  </si>
  <si>
    <t>青葉区</t>
    <rPh sb="0" eb="3">
      <t>アオバク</t>
    </rPh>
    <phoneticPr fontId="2"/>
  </si>
  <si>
    <t>都筑区</t>
    <rPh sb="0" eb="3">
      <t>ツヅキク</t>
    </rPh>
    <phoneticPr fontId="2"/>
  </si>
  <si>
    <t>戸塚区</t>
    <rPh sb="0" eb="3">
      <t>トツカク</t>
    </rPh>
    <phoneticPr fontId="2"/>
  </si>
  <si>
    <t>栄区</t>
    <rPh sb="0" eb="2">
      <t>サカエク</t>
    </rPh>
    <phoneticPr fontId="2"/>
  </si>
  <si>
    <t>泉区</t>
    <rPh sb="0" eb="2">
      <t>イズミク</t>
    </rPh>
    <phoneticPr fontId="2"/>
  </si>
  <si>
    <t>瀬谷区</t>
    <rPh sb="0" eb="3">
      <t>セヤク</t>
    </rPh>
    <phoneticPr fontId="2"/>
  </si>
  <si>
    <t>川崎市</t>
    <rPh sb="0" eb="3">
      <t>カワサキシ</t>
    </rPh>
    <phoneticPr fontId="2"/>
  </si>
  <si>
    <t>川崎区</t>
    <rPh sb="0" eb="3">
      <t>カワサキク</t>
    </rPh>
    <phoneticPr fontId="2"/>
  </si>
  <si>
    <t>幸区</t>
    <rPh sb="0" eb="2">
      <t>サイワイク</t>
    </rPh>
    <phoneticPr fontId="2"/>
  </si>
  <si>
    <t>中原区</t>
    <rPh sb="0" eb="3">
      <t>ナカハラク</t>
    </rPh>
    <phoneticPr fontId="2"/>
  </si>
  <si>
    <t>高津区</t>
    <rPh sb="0" eb="3">
      <t>タカツク</t>
    </rPh>
    <phoneticPr fontId="2"/>
  </si>
  <si>
    <t>宮前区</t>
    <rPh sb="0" eb="3">
      <t>ミヤマエク</t>
    </rPh>
    <phoneticPr fontId="2"/>
  </si>
  <si>
    <t>多摩区</t>
    <rPh sb="0" eb="3">
      <t>タマク</t>
    </rPh>
    <phoneticPr fontId="2"/>
  </si>
  <si>
    <t>麻生区</t>
    <rPh sb="0" eb="3">
      <t>アサオク</t>
    </rPh>
    <phoneticPr fontId="2"/>
  </si>
  <si>
    <t>相模原市</t>
    <rPh sb="0" eb="4">
      <t>サガミハラシ</t>
    </rPh>
    <phoneticPr fontId="2"/>
  </si>
  <si>
    <t>中央区</t>
    <rPh sb="0" eb="3">
      <t>チュウオウク</t>
    </rPh>
    <phoneticPr fontId="2"/>
  </si>
  <si>
    <t>横須賀市</t>
    <rPh sb="0" eb="4">
      <t>ヨコスカシ</t>
    </rPh>
    <phoneticPr fontId="2"/>
  </si>
  <si>
    <t>平塚市</t>
    <rPh sb="0" eb="3">
      <t>ヒラツカシ</t>
    </rPh>
    <phoneticPr fontId="2"/>
  </si>
  <si>
    <t>鎌倉市</t>
    <rPh sb="0" eb="3">
      <t>カマクラシ</t>
    </rPh>
    <phoneticPr fontId="2"/>
  </si>
  <si>
    <t>藤沢市</t>
    <rPh sb="0" eb="3">
      <t>フジサワシ</t>
    </rPh>
    <phoneticPr fontId="2"/>
  </si>
  <si>
    <t>小田原市</t>
    <rPh sb="0" eb="4">
      <t>オダワラシ</t>
    </rPh>
    <phoneticPr fontId="2"/>
  </si>
  <si>
    <t>茅ヶ崎市</t>
    <rPh sb="0" eb="4">
      <t>チガサキシ</t>
    </rPh>
    <phoneticPr fontId="2"/>
  </si>
  <si>
    <t>逗子市</t>
    <rPh sb="0" eb="3">
      <t>ズシシ</t>
    </rPh>
    <phoneticPr fontId="2"/>
  </si>
  <si>
    <t>三浦市</t>
    <rPh sb="0" eb="3">
      <t>ミウラシ</t>
    </rPh>
    <phoneticPr fontId="2"/>
  </si>
  <si>
    <t>秦野市</t>
    <rPh sb="0" eb="3">
      <t>ハダノシ</t>
    </rPh>
    <phoneticPr fontId="2"/>
  </si>
  <si>
    <t>厚木市</t>
    <rPh sb="0" eb="3">
      <t>アツギシ</t>
    </rPh>
    <phoneticPr fontId="2"/>
  </si>
  <si>
    <t>大和市</t>
    <rPh sb="0" eb="3">
      <t>ヤマトシ</t>
    </rPh>
    <phoneticPr fontId="2"/>
  </si>
  <si>
    <t>伊勢原市</t>
    <rPh sb="0" eb="4">
      <t>イセハラシ</t>
    </rPh>
    <phoneticPr fontId="2"/>
  </si>
  <si>
    <t>海老名市</t>
    <rPh sb="0" eb="4">
      <t>エビナシ</t>
    </rPh>
    <phoneticPr fontId="2"/>
  </si>
  <si>
    <t>座間市</t>
    <rPh sb="0" eb="3">
      <t>ザマシ</t>
    </rPh>
    <phoneticPr fontId="2"/>
  </si>
  <si>
    <t>南足柄市</t>
    <rPh sb="0" eb="4">
      <t>ミナミアシガラシ</t>
    </rPh>
    <phoneticPr fontId="2"/>
  </si>
  <si>
    <t>綾瀬市</t>
    <rPh sb="0" eb="3">
      <t>アヤセシ</t>
    </rPh>
    <phoneticPr fontId="2"/>
  </si>
  <si>
    <t>三浦郡葉山町</t>
    <rPh sb="0" eb="3">
      <t>ミウラグン</t>
    </rPh>
    <rPh sb="3" eb="6">
      <t>ハヤママチ</t>
    </rPh>
    <phoneticPr fontId="2"/>
  </si>
  <si>
    <t>高座郡寒川町</t>
    <rPh sb="0" eb="3">
      <t>コウザグン</t>
    </rPh>
    <rPh sb="3" eb="6">
      <t>サムカワマチ</t>
    </rPh>
    <phoneticPr fontId="2"/>
  </si>
  <si>
    <t>中郡</t>
    <rPh sb="0" eb="2">
      <t>ナカグン</t>
    </rPh>
    <phoneticPr fontId="2"/>
  </si>
  <si>
    <t>大磯町</t>
    <rPh sb="0" eb="3">
      <t>オオイソマチ</t>
    </rPh>
    <phoneticPr fontId="2"/>
  </si>
  <si>
    <t>二宮町</t>
    <rPh sb="0" eb="3">
      <t>ニノミヤマチ</t>
    </rPh>
    <phoneticPr fontId="2"/>
  </si>
  <si>
    <t>足柄上郡</t>
    <rPh sb="0" eb="4">
      <t>アシガラカミグン</t>
    </rPh>
    <phoneticPr fontId="2"/>
  </si>
  <si>
    <t>中井町</t>
    <rPh sb="0" eb="3">
      <t>ナカイマチ</t>
    </rPh>
    <phoneticPr fontId="2"/>
  </si>
  <si>
    <t>大井町</t>
    <rPh sb="0" eb="3">
      <t>オオイマチ</t>
    </rPh>
    <phoneticPr fontId="2"/>
  </si>
  <si>
    <t>松田町</t>
    <rPh sb="0" eb="3">
      <t>マツダマチ</t>
    </rPh>
    <phoneticPr fontId="2"/>
  </si>
  <si>
    <t>山北町</t>
    <rPh sb="0" eb="3">
      <t>ヤマキタマチ</t>
    </rPh>
    <phoneticPr fontId="2"/>
  </si>
  <si>
    <t>開成町</t>
    <rPh sb="0" eb="3">
      <t>カイセイマチ</t>
    </rPh>
    <phoneticPr fontId="2"/>
  </si>
  <si>
    <t>足柄下郡</t>
    <rPh sb="0" eb="4">
      <t>アシガラシモグン</t>
    </rPh>
    <phoneticPr fontId="2"/>
  </si>
  <si>
    <t>箱根町</t>
    <rPh sb="0" eb="3">
      <t>ハコネマチ</t>
    </rPh>
    <phoneticPr fontId="2"/>
  </si>
  <si>
    <t>真鶴町</t>
    <rPh sb="0" eb="3">
      <t>マナヅルマチ</t>
    </rPh>
    <phoneticPr fontId="2"/>
  </si>
  <si>
    <t>湯河原町</t>
    <rPh sb="0" eb="4">
      <t>ユガワラマチ</t>
    </rPh>
    <phoneticPr fontId="2"/>
  </si>
  <si>
    <t>愛甲郡</t>
    <rPh sb="0" eb="3">
      <t>アイコウグン</t>
    </rPh>
    <phoneticPr fontId="2"/>
  </si>
  <si>
    <t>愛川町</t>
    <rPh sb="0" eb="3">
      <t>アイカワマチ</t>
    </rPh>
    <phoneticPr fontId="2"/>
  </si>
  <si>
    <t>清川村</t>
    <rPh sb="0" eb="3">
      <t>キヨカワムラ</t>
    </rPh>
    <phoneticPr fontId="2"/>
  </si>
  <si>
    <t>(注)転入・転出には、県内市区町村間の移動を含む。</t>
    <rPh sb="1" eb="2">
      <t>チュウ</t>
    </rPh>
    <rPh sb="3" eb="5">
      <t>テンニュウ</t>
    </rPh>
    <rPh sb="6" eb="8">
      <t>テンシュツ</t>
    </rPh>
    <rPh sb="11" eb="18">
      <t>ケンナイシクチョウソンカン</t>
    </rPh>
    <rPh sb="19" eb="21">
      <t>イドウ</t>
    </rPh>
    <rPh sb="22" eb="23">
      <t>フク</t>
    </rPh>
    <phoneticPr fontId="2"/>
  </si>
  <si>
    <t>(令和3年中)</t>
  </si>
  <si>
    <t>市区町村別人口増減及び増減率</t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2">
    <numFmt numFmtId="176" formatCode="#,##0_ "/>
    <numFmt numFmtId="177" formatCode="0.00_ ;\-0.00\ "/>
  </numFmts>
  <fonts count="7" x14ac:knownFonts="1">
    <font>
      <sz val="12"/>
      <color theme="1"/>
      <name val="ＭＳ 明朝"/>
      <family val="2"/>
      <charset val="128"/>
    </font>
    <font>
      <sz val="12"/>
      <color theme="1"/>
      <name val="HGPｺﾞｼｯｸM"/>
      <family val="3"/>
      <charset val="128"/>
    </font>
    <font>
      <sz val="6"/>
      <name val="ＭＳ 明朝"/>
      <family val="2"/>
      <charset val="128"/>
    </font>
    <font>
      <sz val="8"/>
      <color theme="1"/>
      <name val="HGPｺﾞｼｯｸM"/>
      <family val="3"/>
      <charset val="128"/>
    </font>
    <font>
      <b/>
      <sz val="8"/>
      <color theme="0"/>
      <name val="HGPｺﾞｼｯｸM"/>
      <family val="3"/>
      <charset val="128"/>
    </font>
    <font>
      <sz val="8"/>
      <color theme="0"/>
      <name val="HGPｺﾞｼｯｸM"/>
      <family val="3"/>
      <charset val="128"/>
    </font>
    <font>
      <b/>
      <sz val="8"/>
      <color theme="1"/>
      <name val="HGPｺﾞｼｯｸM"/>
      <family val="3"/>
      <charset val="128"/>
    </font>
  </fonts>
  <fills count="4">
    <fill>
      <patternFill patternType="none"/>
    </fill>
    <fill>
      <patternFill patternType="gray125"/>
    </fill>
    <fill>
      <patternFill patternType="solid">
        <fgColor theme="5" tint="-0.499984740745262"/>
        <bgColor indexed="64"/>
      </patternFill>
    </fill>
    <fill>
      <patternFill patternType="solid">
        <fgColor theme="5" tint="0.59999389629810485"/>
        <bgColor indexed="64"/>
      </patternFill>
    </fill>
  </fills>
  <borders count="18">
    <border>
      <left/>
      <right/>
      <top/>
      <bottom/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/>
      <top style="medium">
        <color indexed="64"/>
      </top>
      <bottom/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/>
      <top/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/>
      <right style="medium">
        <color indexed="64"/>
      </right>
      <top/>
      <bottom/>
      <diagonal/>
    </border>
    <border>
      <left style="medium">
        <color indexed="64"/>
      </left>
      <right/>
      <top/>
      <bottom style="medium">
        <color indexed="64"/>
      </bottom>
      <diagonal/>
    </border>
    <border>
      <left/>
      <right/>
      <top/>
      <bottom style="medium">
        <color indexed="64"/>
      </bottom>
      <diagonal/>
    </border>
    <border>
      <left style="thin">
        <color indexed="64"/>
      </left>
      <right style="thin">
        <color indexed="64"/>
      </right>
      <top/>
      <bottom style="medium">
        <color indexed="64"/>
      </bottom>
      <diagonal/>
    </border>
    <border>
      <left/>
      <right style="medium">
        <color indexed="64"/>
      </right>
      <top/>
      <bottom style="medium">
        <color indexed="64"/>
      </bottom>
      <diagonal/>
    </border>
  </borders>
  <cellStyleXfs count="1">
    <xf numFmtId="0" fontId="0" fillId="0" borderId="0">
      <alignment vertical="center"/>
    </xf>
  </cellStyleXfs>
  <cellXfs count="55">
    <xf numFmtId="0" fontId="0" fillId="0" borderId="0" xfId="0">
      <alignment vertical="center"/>
    </xf>
    <xf numFmtId="0" fontId="3" fillId="0" borderId="0" xfId="0" applyFont="1">
      <alignment vertical="center"/>
    </xf>
    <xf numFmtId="0" fontId="3" fillId="0" borderId="9" xfId="0" applyFont="1" applyBorder="1" applyAlignment="1">
      <alignment horizontal="center" vertical="center"/>
    </xf>
    <xf numFmtId="0" fontId="3" fillId="0" borderId="8" xfId="0" applyFont="1" applyBorder="1" applyAlignment="1">
      <alignment horizontal="center" vertical="center"/>
    </xf>
    <xf numFmtId="0" fontId="3" fillId="0" borderId="10" xfId="0" applyFont="1" applyBorder="1" applyAlignment="1">
      <alignment horizontal="center" vertical="center"/>
    </xf>
    <xf numFmtId="0" fontId="3" fillId="0" borderId="11" xfId="0" applyFont="1" applyBorder="1">
      <alignment vertical="center"/>
    </xf>
    <xf numFmtId="0" fontId="3" fillId="0" borderId="0" xfId="0" applyFont="1" applyBorder="1">
      <alignment vertical="center"/>
    </xf>
    <xf numFmtId="0" fontId="3" fillId="0" borderId="12" xfId="0" applyFont="1" applyBorder="1" applyAlignment="1">
      <alignment horizontal="right" vertical="center"/>
    </xf>
    <xf numFmtId="0" fontId="3" fillId="0" borderId="13" xfId="0" applyFont="1" applyBorder="1" applyAlignment="1">
      <alignment horizontal="right" vertical="center"/>
    </xf>
    <xf numFmtId="0" fontId="5" fillId="2" borderId="0" xfId="0" applyFont="1" applyFill="1" applyBorder="1">
      <alignment vertical="center"/>
    </xf>
    <xf numFmtId="176" fontId="5" fillId="2" borderId="12" xfId="0" applyNumberFormat="1" applyFont="1" applyFill="1" applyBorder="1">
      <alignment vertical="center"/>
    </xf>
    <xf numFmtId="177" fontId="5" fillId="2" borderId="12" xfId="0" applyNumberFormat="1" applyFont="1" applyFill="1" applyBorder="1">
      <alignment vertical="center"/>
    </xf>
    <xf numFmtId="177" fontId="5" fillId="2" borderId="13" xfId="0" applyNumberFormat="1" applyFont="1" applyFill="1" applyBorder="1">
      <alignment vertical="center"/>
    </xf>
    <xf numFmtId="0" fontId="3" fillId="0" borderId="0" xfId="0" applyFont="1" applyFill="1" applyBorder="1">
      <alignment vertical="center"/>
    </xf>
    <xf numFmtId="176" fontId="3" fillId="0" borderId="12" xfId="0" applyNumberFormat="1" applyFont="1" applyFill="1" applyBorder="1">
      <alignment vertical="center"/>
    </xf>
    <xf numFmtId="177" fontId="3" fillId="0" borderId="12" xfId="0" applyNumberFormat="1" applyFont="1" applyFill="1" applyBorder="1">
      <alignment vertical="center"/>
    </xf>
    <xf numFmtId="177" fontId="3" fillId="0" borderId="13" xfId="0" applyNumberFormat="1" applyFont="1" applyFill="1" applyBorder="1">
      <alignment vertical="center"/>
    </xf>
    <xf numFmtId="0" fontId="3" fillId="0" borderId="0" xfId="0" applyFont="1" applyFill="1">
      <alignment vertical="center"/>
    </xf>
    <xf numFmtId="0" fontId="0" fillId="0" borderId="0" xfId="0" applyFill="1">
      <alignment vertical="center"/>
    </xf>
    <xf numFmtId="0" fontId="3" fillId="0" borderId="11" xfId="0" applyFont="1" applyBorder="1" applyAlignment="1">
      <alignment horizontal="distributed" vertical="center"/>
    </xf>
    <xf numFmtId="0" fontId="3" fillId="0" borderId="0" xfId="0" applyFont="1" applyBorder="1" applyAlignment="1">
      <alignment horizontal="distributed" vertical="center"/>
    </xf>
    <xf numFmtId="176" fontId="3" fillId="0" borderId="12" xfId="0" applyNumberFormat="1" applyFont="1" applyBorder="1">
      <alignment vertical="center"/>
    </xf>
    <xf numFmtId="177" fontId="3" fillId="0" borderId="12" xfId="0" applyNumberFormat="1" applyFont="1" applyBorder="1">
      <alignment vertical="center"/>
    </xf>
    <xf numFmtId="177" fontId="3" fillId="0" borderId="13" xfId="0" applyNumberFormat="1" applyFont="1" applyBorder="1">
      <alignment vertical="center"/>
    </xf>
    <xf numFmtId="0" fontId="3" fillId="3" borderId="0" xfId="0" applyFont="1" applyFill="1" applyBorder="1">
      <alignment vertical="center"/>
    </xf>
    <xf numFmtId="176" fontId="3" fillId="3" borderId="12" xfId="0" applyNumberFormat="1" applyFont="1" applyFill="1" applyBorder="1">
      <alignment vertical="center"/>
    </xf>
    <xf numFmtId="177" fontId="3" fillId="3" borderId="12" xfId="0" applyNumberFormat="1" applyFont="1" applyFill="1" applyBorder="1">
      <alignment vertical="center"/>
    </xf>
    <xf numFmtId="177" fontId="3" fillId="3" borderId="13" xfId="0" applyNumberFormat="1" applyFont="1" applyFill="1" applyBorder="1">
      <alignment vertical="center"/>
    </xf>
    <xf numFmtId="0" fontId="3" fillId="0" borderId="14" xfId="0" applyFont="1" applyBorder="1">
      <alignment vertical="center"/>
    </xf>
    <xf numFmtId="0" fontId="3" fillId="0" borderId="15" xfId="0" applyFont="1" applyBorder="1">
      <alignment vertical="center"/>
    </xf>
    <xf numFmtId="176" fontId="3" fillId="0" borderId="16" xfId="0" applyNumberFormat="1" applyFont="1" applyBorder="1">
      <alignment vertical="center"/>
    </xf>
    <xf numFmtId="0" fontId="3" fillId="0" borderId="16" xfId="0" applyFont="1" applyBorder="1">
      <alignment vertical="center"/>
    </xf>
    <xf numFmtId="0" fontId="3" fillId="0" borderId="17" xfId="0" applyFont="1" applyBorder="1">
      <alignment vertical="center"/>
    </xf>
    <xf numFmtId="0" fontId="6" fillId="3" borderId="11" xfId="0" applyFont="1" applyFill="1" applyBorder="1" applyAlignment="1">
      <alignment horizontal="distributed" vertical="center"/>
    </xf>
    <xf numFmtId="0" fontId="6" fillId="3" borderId="0" xfId="0" applyFont="1" applyFill="1" applyBorder="1" applyAlignment="1">
      <alignment horizontal="distributed" vertical="center"/>
    </xf>
    <xf numFmtId="0" fontId="3" fillId="0" borderId="11" xfId="0" applyFont="1" applyBorder="1" applyAlignment="1">
      <alignment horizontal="distributed" vertical="center"/>
    </xf>
    <xf numFmtId="0" fontId="3" fillId="0" borderId="0" xfId="0" applyFont="1" applyBorder="1" applyAlignment="1">
      <alignment horizontal="distributed" vertical="center"/>
    </xf>
    <xf numFmtId="0" fontId="4" fillId="2" borderId="11" xfId="0" applyFont="1" applyFill="1" applyBorder="1" applyAlignment="1">
      <alignment horizontal="distributed" vertical="center"/>
    </xf>
    <xf numFmtId="0" fontId="4" fillId="2" borderId="0" xfId="0" applyFont="1" applyFill="1" applyBorder="1" applyAlignment="1">
      <alignment horizontal="distributed" vertical="center"/>
    </xf>
    <xf numFmtId="0" fontId="6" fillId="0" borderId="11" xfId="0" applyFont="1" applyFill="1" applyBorder="1" applyAlignment="1">
      <alignment horizontal="distributed" vertical="center"/>
    </xf>
    <xf numFmtId="0" fontId="6" fillId="0" borderId="0" xfId="0" applyFont="1" applyFill="1" applyBorder="1" applyAlignment="1">
      <alignment horizontal="distributed" vertical="center"/>
    </xf>
    <xf numFmtId="0" fontId="1" fillId="0" borderId="0" xfId="0" applyFont="1" applyAlignment="1">
      <alignment horizontal="center" vertical="center"/>
    </xf>
    <xf numFmtId="0" fontId="3" fillId="0" borderId="0" xfId="0" applyFont="1">
      <alignment vertical="center"/>
    </xf>
    <xf numFmtId="0" fontId="3" fillId="0" borderId="0" xfId="0" applyFont="1" applyAlignment="1">
      <alignment horizontal="right" vertical="center"/>
    </xf>
    <xf numFmtId="0" fontId="3" fillId="0" borderId="1" xfId="0" applyFont="1" applyBorder="1" applyAlignment="1">
      <alignment horizontal="center" vertical="center"/>
    </xf>
    <xf numFmtId="0" fontId="3" fillId="0" borderId="2" xfId="0" applyFont="1" applyBorder="1" applyAlignment="1">
      <alignment horizontal="center" vertical="center"/>
    </xf>
    <xf numFmtId="0" fontId="3" fillId="0" borderId="6" xfId="0" applyFont="1" applyBorder="1" applyAlignment="1">
      <alignment horizontal="center" vertical="center"/>
    </xf>
    <xf numFmtId="0" fontId="3" fillId="0" borderId="7" xfId="0" applyFont="1" applyBorder="1" applyAlignment="1">
      <alignment horizontal="center" vertical="center"/>
    </xf>
    <xf numFmtId="0" fontId="3" fillId="0" borderId="3" xfId="0" applyFont="1" applyBorder="1" applyAlignment="1">
      <alignment horizontal="center" vertical="center"/>
    </xf>
    <xf numFmtId="0" fontId="3" fillId="0" borderId="8" xfId="0" applyFont="1" applyBorder="1" applyAlignment="1">
      <alignment horizontal="center" vertical="center"/>
    </xf>
    <xf numFmtId="0" fontId="3" fillId="0" borderId="4" xfId="0" applyFont="1" applyBorder="1" applyAlignment="1">
      <alignment horizontal="center" vertical="center"/>
    </xf>
    <xf numFmtId="0" fontId="3" fillId="0" borderId="5" xfId="0" applyFont="1" applyBorder="1" applyAlignment="1">
      <alignment horizontal="center" vertical="center"/>
    </xf>
    <xf numFmtId="0" fontId="3" fillId="0" borderId="2" xfId="0" applyFont="1" applyBorder="1" applyAlignment="1">
      <alignment vertical="center"/>
    </xf>
    <xf numFmtId="0" fontId="3" fillId="0" borderId="0" xfId="0" applyFont="1" applyAlignment="1">
      <alignment vertical="center"/>
    </xf>
    <xf numFmtId="0" fontId="0" fillId="0" borderId="0" xfId="0" applyAlignment="1">
      <alignment vertical="center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externalLink" Target="externalLinks/externalLink1.xml"/><Relationship Id="rId1" Type="http://schemas.openxmlformats.org/officeDocument/2006/relationships/worksheet" Target="worksheets/sheet1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/Users/64501034/Desktop/&#20154;&#21475;&#38598;&#35336;&#12471;&#12473;&#12486;&#12512;(&#20462;&#27491;).xlsm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鶴見区"/>
      <sheetName val="神奈川区"/>
      <sheetName val="西区"/>
      <sheetName val="中区"/>
      <sheetName val="南区"/>
      <sheetName val="港南区"/>
      <sheetName val="保土ケ谷区"/>
      <sheetName val="旭区"/>
      <sheetName val="磯子区"/>
      <sheetName val="金沢区"/>
      <sheetName val="港北区"/>
      <sheetName val="緑区"/>
      <sheetName val="青葉区"/>
      <sheetName val="都筑区"/>
      <sheetName val="戸塚区"/>
      <sheetName val="栄区"/>
      <sheetName val="泉区"/>
      <sheetName val="瀬谷区"/>
      <sheetName val="川崎区"/>
      <sheetName val="幸区"/>
      <sheetName val="中原区"/>
      <sheetName val="高津区"/>
      <sheetName val="宮前区"/>
      <sheetName val="多摩区"/>
      <sheetName val="麻生区"/>
      <sheetName val="相模原市緑区"/>
      <sheetName val="相模原市中央区"/>
      <sheetName val="相模原市南区"/>
      <sheetName val="横須賀市"/>
      <sheetName val="平塚市"/>
      <sheetName val="鎌倉市"/>
      <sheetName val="藤沢市"/>
      <sheetName val="小田原市"/>
      <sheetName val="茅ヶ崎市"/>
      <sheetName val="逗子市"/>
      <sheetName val="三浦市"/>
      <sheetName val="秦野市"/>
      <sheetName val="厚木市"/>
      <sheetName val="大和市"/>
      <sheetName val="伊勢原市"/>
      <sheetName val="海老名市"/>
      <sheetName val="座間市"/>
      <sheetName val="南足柄市"/>
      <sheetName val="綾瀬市"/>
      <sheetName val="葉山町"/>
      <sheetName val="寒川町"/>
      <sheetName val="大磯町"/>
      <sheetName val="二宮町"/>
      <sheetName val="中井町"/>
      <sheetName val="大井町"/>
      <sheetName val="松田町"/>
      <sheetName val="山北町"/>
      <sheetName val="開成町"/>
      <sheetName val="箱根町"/>
      <sheetName val="真鶴町"/>
      <sheetName val="湯河原町"/>
      <sheetName val="愛川町"/>
      <sheetName val="清川村"/>
      <sheetName val="県計"/>
      <sheetName val="市部計"/>
      <sheetName val="郡部計"/>
      <sheetName val="横浜市"/>
      <sheetName val="川崎市"/>
      <sheetName val="相模原市"/>
      <sheetName val="中郡"/>
      <sheetName val="足柄上郡"/>
      <sheetName val="足柄下郡"/>
      <sheetName val="愛甲郡"/>
      <sheetName val="横須賀･三浦"/>
      <sheetName val="県央"/>
      <sheetName val="湘南"/>
      <sheetName val="県西"/>
      <sheetName val="様式1"/>
      <sheetName val="様式2"/>
      <sheetName val="月報（記者発表）"/>
      <sheetName val="月報1"/>
      <sheetName val="月報2"/>
      <sheetName val="月報3"/>
      <sheetName val="月報4"/>
      <sheetName val="記者発表添付資料"/>
      <sheetName val="人口と世帯"/>
      <sheetName val="人口異動"/>
      <sheetName val="行政C(人口と世帯)"/>
      <sheetName val="行政C(人口異動)"/>
      <sheetName val="参考資料"/>
      <sheetName val="データ比較用元データ"/>
      <sheetName val="ランキング"/>
      <sheetName val="グラフデータ"/>
      <sheetName val="市区町村面積リスト"/>
      <sheetName val="基本データ"/>
      <sheetName val="システムトップ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  <sheetData sheetId="44" refreshError="1"/>
      <sheetData sheetId="45" refreshError="1"/>
      <sheetData sheetId="46" refreshError="1"/>
      <sheetData sheetId="47" refreshError="1"/>
      <sheetData sheetId="48" refreshError="1"/>
      <sheetData sheetId="49" refreshError="1"/>
      <sheetData sheetId="50" refreshError="1"/>
      <sheetData sheetId="51" refreshError="1"/>
      <sheetData sheetId="52" refreshError="1"/>
      <sheetData sheetId="53" refreshError="1"/>
      <sheetData sheetId="54" refreshError="1"/>
      <sheetData sheetId="55" refreshError="1"/>
      <sheetData sheetId="56" refreshError="1"/>
      <sheetData sheetId="57" refreshError="1"/>
      <sheetData sheetId="58" refreshError="1"/>
      <sheetData sheetId="59" refreshError="1"/>
      <sheetData sheetId="60" refreshError="1"/>
      <sheetData sheetId="61" refreshError="1"/>
      <sheetData sheetId="62" refreshError="1"/>
      <sheetData sheetId="63" refreshError="1"/>
      <sheetData sheetId="64" refreshError="1"/>
      <sheetData sheetId="65" refreshError="1"/>
      <sheetData sheetId="66" refreshError="1"/>
      <sheetData sheetId="67" refreshError="1"/>
      <sheetData sheetId="68" refreshError="1"/>
      <sheetData sheetId="69" refreshError="1"/>
      <sheetData sheetId="70" refreshError="1"/>
      <sheetData sheetId="71" refreshError="1"/>
      <sheetData sheetId="72" refreshError="1"/>
      <sheetData sheetId="73" refreshError="1"/>
      <sheetData sheetId="74" refreshError="1"/>
      <sheetData sheetId="75" refreshError="1"/>
      <sheetData sheetId="76" refreshError="1"/>
      <sheetData sheetId="77" refreshError="1"/>
      <sheetData sheetId="78" refreshError="1"/>
      <sheetData sheetId="79" refreshError="1"/>
      <sheetData sheetId="80" refreshError="1"/>
      <sheetData sheetId="81" refreshError="1"/>
      <sheetData sheetId="82" refreshError="1"/>
      <sheetData sheetId="83" refreshError="1"/>
      <sheetData sheetId="84" refreshError="1"/>
      <sheetData sheetId="85" refreshError="1"/>
      <sheetData sheetId="86" refreshError="1"/>
      <sheetData sheetId="87" refreshError="1"/>
      <sheetData sheetId="88" refreshError="1"/>
      <sheetData sheetId="89" refreshError="1"/>
      <sheetData sheetId="90" refreshError="1"/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200"/>
  <dimension ref="A1:T85"/>
  <sheetViews>
    <sheetView tabSelected="1" view="pageBreakPreview" zoomScaleNormal="115" zoomScaleSheetLayoutView="100" workbookViewId="0">
      <selection sqref="A1:M1"/>
    </sheetView>
  </sheetViews>
  <sheetFormatPr defaultRowHeight="14.25" x14ac:dyDescent="0.15"/>
  <cols>
    <col min="1" max="1" width="1.75" style="1" customWidth="1"/>
    <col min="2" max="2" width="7.5" style="1" customWidth="1"/>
    <col min="3" max="3" width="1.25" style="1" customWidth="1"/>
    <col min="4" max="20" width="6.875" style="1" customWidth="1"/>
  </cols>
  <sheetData>
    <row r="1" spans="1:20" ht="18.75" customHeight="1" x14ac:dyDescent="0.15">
      <c r="A1" s="41" t="s">
        <v>82</v>
      </c>
      <c r="B1" s="41"/>
      <c r="C1" s="41"/>
      <c r="D1" s="41"/>
      <c r="E1" s="41"/>
      <c r="F1" s="41"/>
      <c r="G1" s="41"/>
      <c r="H1" s="41"/>
      <c r="I1" s="41"/>
      <c r="J1" s="41"/>
      <c r="K1" s="41"/>
      <c r="L1" s="41"/>
      <c r="M1" s="41"/>
    </row>
    <row r="2" spans="1:20" ht="15" customHeight="1" thickBot="1" x14ac:dyDescent="0.2">
      <c r="A2" s="42" t="s">
        <v>0</v>
      </c>
      <c r="B2" s="42"/>
      <c r="C2" s="42"/>
      <c r="K2" s="43" t="s">
        <v>81</v>
      </c>
      <c r="L2" s="43"/>
      <c r="M2" s="43"/>
    </row>
    <row r="3" spans="1:20" ht="15" customHeight="1" x14ac:dyDescent="0.15">
      <c r="A3" s="44" t="s">
        <v>1</v>
      </c>
      <c r="B3" s="45"/>
      <c r="C3" s="45"/>
      <c r="D3" s="48" t="s">
        <v>2</v>
      </c>
      <c r="E3" s="50" t="s">
        <v>3</v>
      </c>
      <c r="F3" s="48"/>
      <c r="G3" s="48"/>
      <c r="H3" s="50" t="s">
        <v>4</v>
      </c>
      <c r="I3" s="48"/>
      <c r="J3" s="48"/>
      <c r="K3" s="50" t="s">
        <v>5</v>
      </c>
      <c r="L3" s="48"/>
      <c r="M3" s="51"/>
    </row>
    <row r="4" spans="1:20" ht="15" customHeight="1" x14ac:dyDescent="0.15">
      <c r="A4" s="46"/>
      <c r="B4" s="47"/>
      <c r="C4" s="47"/>
      <c r="D4" s="49"/>
      <c r="E4" s="2"/>
      <c r="F4" s="3" t="s">
        <v>6</v>
      </c>
      <c r="G4" s="3" t="s">
        <v>7</v>
      </c>
      <c r="H4" s="2"/>
      <c r="I4" s="3" t="s">
        <v>8</v>
      </c>
      <c r="J4" s="3" t="s">
        <v>9</v>
      </c>
      <c r="K4" s="2"/>
      <c r="L4" s="3" t="s">
        <v>10</v>
      </c>
      <c r="M4" s="4" t="s">
        <v>4</v>
      </c>
    </row>
    <row r="5" spans="1:20" ht="10.5" customHeight="1" x14ac:dyDescent="0.15">
      <c r="A5" s="5"/>
      <c r="B5" s="6"/>
      <c r="C5" s="6"/>
      <c r="D5" s="7" t="s">
        <v>11</v>
      </c>
      <c r="E5" s="7" t="s">
        <v>11</v>
      </c>
      <c r="F5" s="7" t="s">
        <v>11</v>
      </c>
      <c r="G5" s="7" t="s">
        <v>11</v>
      </c>
      <c r="H5" s="7" t="s">
        <v>11</v>
      </c>
      <c r="I5" s="7" t="s">
        <v>11</v>
      </c>
      <c r="J5" s="7" t="s">
        <v>11</v>
      </c>
      <c r="K5" s="7" t="s">
        <v>12</v>
      </c>
      <c r="L5" s="7" t="s">
        <v>12</v>
      </c>
      <c r="M5" s="8" t="s">
        <v>13</v>
      </c>
    </row>
    <row r="6" spans="1:20" ht="9.75" customHeight="1" x14ac:dyDescent="0.15">
      <c r="A6" s="37" t="s">
        <v>14</v>
      </c>
      <c r="B6" s="38"/>
      <c r="C6" s="9"/>
      <c r="D6" s="10">
        <v>-5160</v>
      </c>
      <c r="E6" s="10">
        <v>-29983</v>
      </c>
      <c r="F6" s="10">
        <v>60549</v>
      </c>
      <c r="G6" s="10">
        <v>90532</v>
      </c>
      <c r="H6" s="10">
        <v>24823</v>
      </c>
      <c r="I6" s="10">
        <v>488358</v>
      </c>
      <c r="J6" s="10">
        <v>463535</v>
      </c>
      <c r="K6" s="11">
        <v>-5.5866302842782808E-2</v>
      </c>
      <c r="L6" s="11">
        <v>-0.3246200306463482</v>
      </c>
      <c r="M6" s="12">
        <v>0.26875372780356543</v>
      </c>
    </row>
    <row r="7" spans="1:20" s="18" customFormat="1" ht="9.75" customHeight="1" x14ac:dyDescent="0.15">
      <c r="A7" s="39" t="s">
        <v>15</v>
      </c>
      <c r="B7" s="40"/>
      <c r="C7" s="13"/>
      <c r="D7" s="14">
        <v>-3587</v>
      </c>
      <c r="E7" s="14">
        <v>-27723</v>
      </c>
      <c r="F7" s="14">
        <v>59163</v>
      </c>
      <c r="G7" s="14">
        <v>86886</v>
      </c>
      <c r="H7" s="14">
        <v>24136</v>
      </c>
      <c r="I7" s="14">
        <v>476348</v>
      </c>
      <c r="J7" s="14">
        <v>452212</v>
      </c>
      <c r="K7" s="15">
        <v>-4.0089464216101774E-2</v>
      </c>
      <c r="L7" s="15">
        <v>-0.30984115318176453</v>
      </c>
      <c r="M7" s="16">
        <v>0.26975168896566276</v>
      </c>
      <c r="N7" s="17"/>
      <c r="O7" s="17"/>
      <c r="P7" s="17"/>
      <c r="Q7" s="17"/>
      <c r="R7" s="17"/>
      <c r="S7" s="17"/>
      <c r="T7" s="17"/>
    </row>
    <row r="8" spans="1:20" s="18" customFormat="1" ht="9.75" customHeight="1" x14ac:dyDescent="0.15">
      <c r="A8" s="39" t="s">
        <v>16</v>
      </c>
      <c r="B8" s="40"/>
      <c r="C8" s="13"/>
      <c r="D8" s="14">
        <v>-1573</v>
      </c>
      <c r="E8" s="14">
        <v>-2260</v>
      </c>
      <c r="F8" s="14">
        <v>1386</v>
      </c>
      <c r="G8" s="14">
        <v>3646</v>
      </c>
      <c r="H8" s="14">
        <v>687</v>
      </c>
      <c r="I8" s="14">
        <v>12010</v>
      </c>
      <c r="J8" s="14">
        <v>11323</v>
      </c>
      <c r="K8" s="15">
        <v>-0.54457519326707038</v>
      </c>
      <c r="L8" s="15">
        <v>-0.78241572586368657</v>
      </c>
      <c r="M8" s="16">
        <v>0.23784053259661622</v>
      </c>
      <c r="N8" s="17"/>
      <c r="O8" s="17"/>
      <c r="P8" s="17"/>
      <c r="Q8" s="17"/>
      <c r="R8" s="17"/>
      <c r="S8" s="17"/>
      <c r="T8" s="17"/>
    </row>
    <row r="9" spans="1:20" ht="3.75" customHeight="1" x14ac:dyDescent="0.15">
      <c r="A9" s="19"/>
      <c r="B9" s="20"/>
      <c r="C9" s="6"/>
      <c r="D9" s="21"/>
      <c r="E9" s="21"/>
      <c r="F9" s="21"/>
      <c r="G9" s="21"/>
      <c r="H9" s="21"/>
      <c r="I9" s="21"/>
      <c r="J9" s="21"/>
      <c r="K9" s="22"/>
      <c r="L9" s="22"/>
      <c r="M9" s="23"/>
    </row>
    <row r="10" spans="1:20" ht="9.75" customHeight="1" x14ac:dyDescent="0.15">
      <c r="A10" s="33" t="s">
        <v>17</v>
      </c>
      <c r="B10" s="34"/>
      <c r="C10" s="24"/>
      <c r="D10" s="25">
        <v>-4257</v>
      </c>
      <c r="E10" s="25">
        <v>-11457</v>
      </c>
      <c r="F10" s="25">
        <v>24876</v>
      </c>
      <c r="G10" s="25">
        <v>36333</v>
      </c>
      <c r="H10" s="25">
        <v>7200</v>
      </c>
      <c r="I10" s="25">
        <v>214743</v>
      </c>
      <c r="J10" s="25">
        <v>207543</v>
      </c>
      <c r="K10" s="26">
        <v>-0.11272980912992289</v>
      </c>
      <c r="L10" s="26">
        <v>-0.30339333408539498</v>
      </c>
      <c r="M10" s="27">
        <v>0.19066352495547212</v>
      </c>
    </row>
    <row r="11" spans="1:20" ht="9.75" customHeight="1" x14ac:dyDescent="0.15">
      <c r="A11" s="19"/>
      <c r="B11" s="20" t="s">
        <v>18</v>
      </c>
      <c r="C11" s="6"/>
      <c r="D11" s="21">
        <v>-1567</v>
      </c>
      <c r="E11" s="21">
        <v>-484</v>
      </c>
      <c r="F11" s="21">
        <v>2084</v>
      </c>
      <c r="G11" s="21">
        <v>2568</v>
      </c>
      <c r="H11" s="21">
        <v>-1083</v>
      </c>
      <c r="I11" s="21">
        <v>17100</v>
      </c>
      <c r="J11" s="21">
        <v>18183</v>
      </c>
      <c r="K11" s="22">
        <v>-0.52734841677688149</v>
      </c>
      <c r="L11" s="22">
        <v>-0.16288234442885172</v>
      </c>
      <c r="M11" s="23">
        <v>-0.36446607234802975</v>
      </c>
    </row>
    <row r="12" spans="1:20" ht="9.75" customHeight="1" x14ac:dyDescent="0.15">
      <c r="A12" s="19"/>
      <c r="B12" s="20" t="s">
        <v>19</v>
      </c>
      <c r="C12" s="6"/>
      <c r="D12" s="21">
        <v>335</v>
      </c>
      <c r="E12" s="21">
        <v>-427</v>
      </c>
      <c r="F12" s="21">
        <v>1747</v>
      </c>
      <c r="G12" s="21">
        <v>2174</v>
      </c>
      <c r="H12" s="21">
        <v>762</v>
      </c>
      <c r="I12" s="21">
        <v>17607</v>
      </c>
      <c r="J12" s="21">
        <v>16845</v>
      </c>
      <c r="K12" s="22">
        <v>0.13556770493992529</v>
      </c>
      <c r="L12" s="22">
        <v>-0.17279823883387493</v>
      </c>
      <c r="M12" s="23">
        <v>0.30836594377380022</v>
      </c>
    </row>
    <row r="13" spans="1:20" ht="9.75" customHeight="1" x14ac:dyDescent="0.15">
      <c r="A13" s="19"/>
      <c r="B13" s="20" t="s">
        <v>20</v>
      </c>
      <c r="C13" s="6"/>
      <c r="D13" s="21">
        <v>-278</v>
      </c>
      <c r="E13" s="21">
        <v>-134</v>
      </c>
      <c r="F13" s="21">
        <v>776</v>
      </c>
      <c r="G13" s="21">
        <v>910</v>
      </c>
      <c r="H13" s="21">
        <v>-144</v>
      </c>
      <c r="I13" s="21">
        <v>9470</v>
      </c>
      <c r="J13" s="21">
        <v>9614</v>
      </c>
      <c r="K13" s="22">
        <v>-0.26536592816028864</v>
      </c>
      <c r="L13" s="22">
        <v>-0.12791019558805281</v>
      </c>
      <c r="M13" s="23">
        <v>-0.13745573257223587</v>
      </c>
    </row>
    <row r="14" spans="1:20" ht="9.75" customHeight="1" x14ac:dyDescent="0.15">
      <c r="A14" s="19"/>
      <c r="B14" s="20" t="s">
        <v>21</v>
      </c>
      <c r="C14" s="6"/>
      <c r="D14" s="21">
        <v>-1118</v>
      </c>
      <c r="E14" s="21">
        <v>-931</v>
      </c>
      <c r="F14" s="21">
        <v>819</v>
      </c>
      <c r="G14" s="21">
        <v>1750</v>
      </c>
      <c r="H14" s="21">
        <v>-187</v>
      </c>
      <c r="I14" s="21">
        <v>12454</v>
      </c>
      <c r="J14" s="21">
        <v>12641</v>
      </c>
      <c r="K14" s="22">
        <v>-0.73849487082945264</v>
      </c>
      <c r="L14" s="22">
        <v>-0.61497202570860499</v>
      </c>
      <c r="M14" s="23">
        <v>-0.1235228451208476</v>
      </c>
    </row>
    <row r="15" spans="1:20" ht="9.75" customHeight="1" x14ac:dyDescent="0.15">
      <c r="A15" s="19"/>
      <c r="B15" s="20" t="s">
        <v>22</v>
      </c>
      <c r="C15" s="6"/>
      <c r="D15" s="21">
        <v>-579</v>
      </c>
      <c r="E15" s="21">
        <v>-1232</v>
      </c>
      <c r="F15" s="21">
        <v>1055</v>
      </c>
      <c r="G15" s="21">
        <v>2287</v>
      </c>
      <c r="H15" s="21">
        <v>653</v>
      </c>
      <c r="I15" s="21">
        <v>13308</v>
      </c>
      <c r="J15" s="21">
        <v>12655</v>
      </c>
      <c r="K15" s="22">
        <v>-0.29228252968257812</v>
      </c>
      <c r="L15" s="22">
        <v>-0.62192068492044261</v>
      </c>
      <c r="M15" s="23">
        <v>0.32963815523786449</v>
      </c>
    </row>
    <row r="16" spans="1:20" ht="9.75" customHeight="1" x14ac:dyDescent="0.15">
      <c r="A16" s="19"/>
      <c r="B16" s="20" t="s">
        <v>23</v>
      </c>
      <c r="C16" s="6"/>
      <c r="D16" s="21">
        <v>123</v>
      </c>
      <c r="E16" s="21">
        <v>-864</v>
      </c>
      <c r="F16" s="21">
        <v>1342</v>
      </c>
      <c r="G16" s="21">
        <v>2206</v>
      </c>
      <c r="H16" s="21">
        <v>987</v>
      </c>
      <c r="I16" s="21">
        <v>10119</v>
      </c>
      <c r="J16" s="21">
        <v>9132</v>
      </c>
      <c r="K16" s="22">
        <v>5.7182971561931951E-2</v>
      </c>
      <c r="L16" s="22">
        <v>-0.40167550755698539</v>
      </c>
      <c r="M16" s="23">
        <v>0.45885847911891736</v>
      </c>
    </row>
    <row r="17" spans="1:13" ht="9.75" customHeight="1" x14ac:dyDescent="0.15">
      <c r="A17" s="19"/>
      <c r="B17" s="20" t="s">
        <v>24</v>
      </c>
      <c r="C17" s="6"/>
      <c r="D17" s="21">
        <v>-1018</v>
      </c>
      <c r="E17" s="21">
        <v>-1056</v>
      </c>
      <c r="F17" s="21">
        <v>1244</v>
      </c>
      <c r="G17" s="21">
        <v>2300</v>
      </c>
      <c r="H17" s="21">
        <v>38</v>
      </c>
      <c r="I17" s="21">
        <v>11489</v>
      </c>
      <c r="J17" s="21">
        <v>11451</v>
      </c>
      <c r="K17" s="22">
        <v>-0.49025037442992742</v>
      </c>
      <c r="L17" s="22">
        <v>-0.50855048663851021</v>
      </c>
      <c r="M17" s="23">
        <v>1.8300112208582752E-2</v>
      </c>
    </row>
    <row r="18" spans="1:13" ht="9.75" customHeight="1" x14ac:dyDescent="0.15">
      <c r="A18" s="19"/>
      <c r="B18" s="20" t="s">
        <v>25</v>
      </c>
      <c r="C18" s="6"/>
      <c r="D18" s="21">
        <v>-1441</v>
      </c>
      <c r="E18" s="21">
        <v>-1527</v>
      </c>
      <c r="F18" s="21">
        <v>1431</v>
      </c>
      <c r="G18" s="21">
        <v>2958</v>
      </c>
      <c r="H18" s="21">
        <v>86</v>
      </c>
      <c r="I18" s="21">
        <v>9784</v>
      </c>
      <c r="J18" s="21">
        <v>9698</v>
      </c>
      <c r="K18" s="22">
        <v>-0.58864379084967322</v>
      </c>
      <c r="L18" s="22">
        <v>-0.62377450980392157</v>
      </c>
      <c r="M18" s="23">
        <v>3.5130718954248366E-2</v>
      </c>
    </row>
    <row r="19" spans="1:13" ht="9.75" customHeight="1" x14ac:dyDescent="0.15">
      <c r="A19" s="19"/>
      <c r="B19" s="20" t="s">
        <v>26</v>
      </c>
      <c r="C19" s="6"/>
      <c r="D19" s="21">
        <v>-380</v>
      </c>
      <c r="E19" s="21">
        <v>-687</v>
      </c>
      <c r="F19" s="21">
        <v>1080</v>
      </c>
      <c r="G19" s="21">
        <v>1767</v>
      </c>
      <c r="H19" s="21">
        <v>307</v>
      </c>
      <c r="I19" s="21">
        <v>9094</v>
      </c>
      <c r="J19" s="21">
        <v>8787</v>
      </c>
      <c r="K19" s="22">
        <v>-0.22803648583773406</v>
      </c>
      <c r="L19" s="22">
        <v>-0.41226596255400866</v>
      </c>
      <c r="M19" s="23">
        <v>0.1842294767162746</v>
      </c>
    </row>
    <row r="20" spans="1:13" ht="9.75" customHeight="1" x14ac:dyDescent="0.15">
      <c r="A20" s="19"/>
      <c r="B20" s="20" t="s">
        <v>27</v>
      </c>
      <c r="C20" s="6"/>
      <c r="D20" s="21">
        <v>-950</v>
      </c>
      <c r="E20" s="21">
        <v>-1079</v>
      </c>
      <c r="F20" s="21">
        <v>964</v>
      </c>
      <c r="G20" s="21">
        <v>2043</v>
      </c>
      <c r="H20" s="21">
        <v>129</v>
      </c>
      <c r="I20" s="21">
        <v>9073</v>
      </c>
      <c r="J20" s="21">
        <v>8944</v>
      </c>
      <c r="K20" s="22">
        <v>-0.47835807367721406</v>
      </c>
      <c r="L20" s="22">
        <v>-0.54331406473443578</v>
      </c>
      <c r="M20" s="23">
        <v>6.4955991057221704E-2</v>
      </c>
    </row>
    <row r="21" spans="1:13" ht="9.75" customHeight="1" x14ac:dyDescent="0.15">
      <c r="A21" s="19"/>
      <c r="B21" s="20" t="s">
        <v>28</v>
      </c>
      <c r="C21" s="6"/>
      <c r="D21" s="21">
        <v>994</v>
      </c>
      <c r="E21" s="21">
        <v>329</v>
      </c>
      <c r="F21" s="21">
        <v>3036</v>
      </c>
      <c r="G21" s="21">
        <v>2707</v>
      </c>
      <c r="H21" s="21">
        <v>665</v>
      </c>
      <c r="I21" s="21">
        <v>24007</v>
      </c>
      <c r="J21" s="21">
        <v>23342</v>
      </c>
      <c r="K21" s="22">
        <v>0.27724550731186215</v>
      </c>
      <c r="L21" s="22">
        <v>9.1764358053926201E-2</v>
      </c>
      <c r="M21" s="23">
        <v>0.18548114925793596</v>
      </c>
    </row>
    <row r="22" spans="1:13" ht="9.75" customHeight="1" x14ac:dyDescent="0.15">
      <c r="A22" s="19"/>
      <c r="B22" s="20" t="s">
        <v>29</v>
      </c>
      <c r="C22" s="6"/>
      <c r="D22" s="21">
        <v>-106</v>
      </c>
      <c r="E22" s="21">
        <v>-451</v>
      </c>
      <c r="F22" s="21">
        <v>1283</v>
      </c>
      <c r="G22" s="21">
        <v>1734</v>
      </c>
      <c r="H22" s="21">
        <v>345</v>
      </c>
      <c r="I22" s="21">
        <v>9647</v>
      </c>
      <c r="J22" s="21">
        <v>9302</v>
      </c>
      <c r="K22" s="22">
        <v>-5.7819863850584741E-2</v>
      </c>
      <c r="L22" s="22">
        <v>-0.24600715657182753</v>
      </c>
      <c r="M22" s="23">
        <v>0.18818729272124279</v>
      </c>
    </row>
    <row r="23" spans="1:13" ht="9.75" customHeight="1" x14ac:dyDescent="0.15">
      <c r="A23" s="19"/>
      <c r="B23" s="20" t="s">
        <v>30</v>
      </c>
      <c r="C23" s="6"/>
      <c r="D23" s="21">
        <v>137</v>
      </c>
      <c r="E23" s="21">
        <v>-472</v>
      </c>
      <c r="F23" s="21">
        <v>1989</v>
      </c>
      <c r="G23" s="21">
        <v>2461</v>
      </c>
      <c r="H23" s="21">
        <v>609</v>
      </c>
      <c r="I23" s="21">
        <v>17549</v>
      </c>
      <c r="J23" s="21">
        <v>16940</v>
      </c>
      <c r="K23" s="22">
        <v>4.4050172181512429E-2</v>
      </c>
      <c r="L23" s="22">
        <v>-0.15176409685893336</v>
      </c>
      <c r="M23" s="23">
        <v>0.1958142690404458</v>
      </c>
    </row>
    <row r="24" spans="1:13" ht="9.75" customHeight="1" x14ac:dyDescent="0.15">
      <c r="A24" s="19"/>
      <c r="B24" s="20" t="s">
        <v>31</v>
      </c>
      <c r="C24" s="6"/>
      <c r="D24" s="21">
        <v>1489</v>
      </c>
      <c r="E24" s="21">
        <v>128</v>
      </c>
      <c r="F24" s="21">
        <v>1513</v>
      </c>
      <c r="G24" s="21">
        <v>1385</v>
      </c>
      <c r="H24" s="21">
        <v>1361</v>
      </c>
      <c r="I24" s="21">
        <v>12647</v>
      </c>
      <c r="J24" s="21">
        <v>11286</v>
      </c>
      <c r="K24" s="22">
        <v>0.69774416359734204</v>
      </c>
      <c r="L24" s="22">
        <v>5.9980693714210734E-2</v>
      </c>
      <c r="M24" s="23">
        <v>0.63776346988313137</v>
      </c>
    </row>
    <row r="25" spans="1:13" ht="9.75" customHeight="1" x14ac:dyDescent="0.15">
      <c r="A25" s="19"/>
      <c r="B25" s="20" t="s">
        <v>32</v>
      </c>
      <c r="C25" s="6"/>
      <c r="D25" s="21">
        <v>220</v>
      </c>
      <c r="E25" s="21">
        <v>-617</v>
      </c>
      <c r="F25" s="21">
        <v>2075</v>
      </c>
      <c r="G25" s="21">
        <v>2692</v>
      </c>
      <c r="H25" s="21">
        <v>837</v>
      </c>
      <c r="I25" s="21">
        <v>13089</v>
      </c>
      <c r="J25" s="21">
        <v>12252</v>
      </c>
      <c r="K25" s="22">
        <v>7.7501902319420571E-2</v>
      </c>
      <c r="L25" s="22">
        <v>-0.21735760786855676</v>
      </c>
      <c r="M25" s="23">
        <v>0.29485951018797735</v>
      </c>
    </row>
    <row r="26" spans="1:13" ht="9.75" customHeight="1" x14ac:dyDescent="0.15">
      <c r="A26" s="19"/>
      <c r="B26" s="20" t="s">
        <v>33</v>
      </c>
      <c r="C26" s="6"/>
      <c r="D26" s="21">
        <v>562</v>
      </c>
      <c r="E26" s="21">
        <v>-506</v>
      </c>
      <c r="F26" s="21">
        <v>763</v>
      </c>
      <c r="G26" s="21">
        <v>1269</v>
      </c>
      <c r="H26" s="21">
        <v>1068</v>
      </c>
      <c r="I26" s="21">
        <v>6379</v>
      </c>
      <c r="J26" s="21">
        <v>5311</v>
      </c>
      <c r="K26" s="22">
        <v>0.46813437622343834</v>
      </c>
      <c r="L26" s="22">
        <v>-0.42148753446451925</v>
      </c>
      <c r="M26" s="23">
        <v>0.88962191068795771</v>
      </c>
    </row>
    <row r="27" spans="1:13" ht="9.75" customHeight="1" x14ac:dyDescent="0.15">
      <c r="A27" s="19"/>
      <c r="B27" s="20" t="s">
        <v>34</v>
      </c>
      <c r="C27" s="6"/>
      <c r="D27" s="21">
        <v>-252</v>
      </c>
      <c r="E27" s="21">
        <v>-692</v>
      </c>
      <c r="F27" s="21">
        <v>965</v>
      </c>
      <c r="G27" s="21">
        <v>1657</v>
      </c>
      <c r="H27" s="21">
        <v>440</v>
      </c>
      <c r="I27" s="21">
        <v>6513</v>
      </c>
      <c r="J27" s="21">
        <v>6073</v>
      </c>
      <c r="K27" s="22">
        <v>-0.1654205423430638</v>
      </c>
      <c r="L27" s="22">
        <v>-0.45425006071984197</v>
      </c>
      <c r="M27" s="23">
        <v>0.28882951837677806</v>
      </c>
    </row>
    <row r="28" spans="1:13" ht="9.75" customHeight="1" x14ac:dyDescent="0.15">
      <c r="A28" s="19"/>
      <c r="B28" s="20" t="s">
        <v>35</v>
      </c>
      <c r="C28" s="6"/>
      <c r="D28" s="21">
        <v>-428</v>
      </c>
      <c r="E28" s="21">
        <v>-755</v>
      </c>
      <c r="F28" s="21">
        <v>710</v>
      </c>
      <c r="G28" s="21">
        <v>1465</v>
      </c>
      <c r="H28" s="21">
        <v>327</v>
      </c>
      <c r="I28" s="21">
        <v>5414</v>
      </c>
      <c r="J28" s="21">
        <v>5087</v>
      </c>
      <c r="K28" s="22">
        <v>-0.34944480731548005</v>
      </c>
      <c r="L28" s="22">
        <v>-0.61642717178314821</v>
      </c>
      <c r="M28" s="23">
        <v>0.26698236446766821</v>
      </c>
    </row>
    <row r="29" spans="1:13" ht="3.75" customHeight="1" x14ac:dyDescent="0.15">
      <c r="A29" s="19"/>
      <c r="B29" s="20"/>
      <c r="C29" s="6"/>
      <c r="D29" s="21"/>
      <c r="E29" s="21"/>
      <c r="F29" s="21"/>
      <c r="G29" s="21"/>
      <c r="H29" s="21"/>
      <c r="I29" s="21"/>
      <c r="J29" s="21"/>
      <c r="K29" s="22"/>
      <c r="L29" s="22"/>
      <c r="M29" s="23"/>
    </row>
    <row r="30" spans="1:13" ht="9.75" customHeight="1" x14ac:dyDescent="0.15">
      <c r="A30" s="33" t="s">
        <v>36</v>
      </c>
      <c r="B30" s="34"/>
      <c r="C30" s="24"/>
      <c r="D30" s="25">
        <v>692</v>
      </c>
      <c r="E30" s="25">
        <v>-156</v>
      </c>
      <c r="F30" s="25">
        <v>12279</v>
      </c>
      <c r="G30" s="25">
        <v>12435</v>
      </c>
      <c r="H30" s="25">
        <v>848</v>
      </c>
      <c r="I30" s="25">
        <v>102481</v>
      </c>
      <c r="J30" s="25">
        <v>101633</v>
      </c>
      <c r="K30" s="26">
        <v>4.4989607530688182E-2</v>
      </c>
      <c r="L30" s="26">
        <v>-1.0142165859519301E-2</v>
      </c>
      <c r="M30" s="27">
        <v>5.5131773390207479E-2</v>
      </c>
    </row>
    <row r="31" spans="1:13" ht="9.75" customHeight="1" x14ac:dyDescent="0.15">
      <c r="A31" s="19"/>
      <c r="B31" s="20" t="s">
        <v>37</v>
      </c>
      <c r="C31" s="6"/>
      <c r="D31" s="21">
        <v>-1917</v>
      </c>
      <c r="E31" s="21">
        <v>-1045</v>
      </c>
      <c r="F31" s="21">
        <v>1555</v>
      </c>
      <c r="G31" s="21">
        <v>2600</v>
      </c>
      <c r="H31" s="21">
        <v>-872</v>
      </c>
      <c r="I31" s="21">
        <v>14603</v>
      </c>
      <c r="J31" s="21">
        <v>15475</v>
      </c>
      <c r="K31" s="22">
        <v>-0.82462253193960511</v>
      </c>
      <c r="L31" s="22">
        <v>-0.44952036821955521</v>
      </c>
      <c r="M31" s="23">
        <v>-0.3751021637200499</v>
      </c>
    </row>
    <row r="32" spans="1:13" ht="9.75" customHeight="1" x14ac:dyDescent="0.15">
      <c r="A32" s="19"/>
      <c r="B32" s="20" t="s">
        <v>38</v>
      </c>
      <c r="C32" s="6"/>
      <c r="D32" s="21">
        <v>136</v>
      </c>
      <c r="E32" s="21">
        <v>23</v>
      </c>
      <c r="F32" s="21">
        <v>1547</v>
      </c>
      <c r="G32" s="21">
        <v>1524</v>
      </c>
      <c r="H32" s="21">
        <v>113</v>
      </c>
      <c r="I32" s="21">
        <v>10638</v>
      </c>
      <c r="J32" s="21">
        <v>10525</v>
      </c>
      <c r="K32" s="22">
        <v>7.9468960359012714E-2</v>
      </c>
      <c r="L32" s="22">
        <v>1.343960359012715E-2</v>
      </c>
      <c r="M32" s="23">
        <v>6.6029356768885564E-2</v>
      </c>
    </row>
    <row r="33" spans="1:13" ht="9.75" customHeight="1" x14ac:dyDescent="0.15">
      <c r="A33" s="19"/>
      <c r="B33" s="20" t="s">
        <v>39</v>
      </c>
      <c r="C33" s="6"/>
      <c r="D33" s="21">
        <v>297</v>
      </c>
      <c r="E33" s="21">
        <v>890</v>
      </c>
      <c r="F33" s="21">
        <v>2579</v>
      </c>
      <c r="G33" s="21">
        <v>1689</v>
      </c>
      <c r="H33" s="21">
        <v>-593</v>
      </c>
      <c r="I33" s="21">
        <v>21013</v>
      </c>
      <c r="J33" s="21">
        <v>21606</v>
      </c>
      <c r="K33" s="22">
        <v>0.11253538044157822</v>
      </c>
      <c r="L33" s="22">
        <v>0.33722723431988089</v>
      </c>
      <c r="M33" s="23">
        <v>-0.22469185387830265</v>
      </c>
    </row>
    <row r="34" spans="1:13" ht="9.75" customHeight="1" x14ac:dyDescent="0.15">
      <c r="A34" s="19"/>
      <c r="B34" s="20" t="s">
        <v>40</v>
      </c>
      <c r="C34" s="6"/>
      <c r="D34" s="21">
        <v>229</v>
      </c>
      <c r="E34" s="21">
        <v>167</v>
      </c>
      <c r="F34" s="21">
        <v>1899</v>
      </c>
      <c r="G34" s="21">
        <v>1732</v>
      </c>
      <c r="H34" s="21">
        <v>62</v>
      </c>
      <c r="I34" s="21">
        <v>16284</v>
      </c>
      <c r="J34" s="21">
        <v>16222</v>
      </c>
      <c r="K34" s="22">
        <v>9.7759222024427009E-2</v>
      </c>
      <c r="L34" s="22">
        <v>7.1291659729603968E-2</v>
      </c>
      <c r="M34" s="23">
        <v>2.6467562294823031E-2</v>
      </c>
    </row>
    <row r="35" spans="1:13" ht="9.75" customHeight="1" x14ac:dyDescent="0.15">
      <c r="A35" s="19"/>
      <c r="B35" s="20" t="s">
        <v>41</v>
      </c>
      <c r="C35" s="6"/>
      <c r="D35" s="21">
        <v>612</v>
      </c>
      <c r="E35" s="21">
        <v>-39</v>
      </c>
      <c r="F35" s="21">
        <v>1740</v>
      </c>
      <c r="G35" s="21">
        <v>1779</v>
      </c>
      <c r="H35" s="21">
        <v>651</v>
      </c>
      <c r="I35" s="21">
        <v>13772</v>
      </c>
      <c r="J35" s="21">
        <v>13121</v>
      </c>
      <c r="K35" s="22">
        <v>0.26178234423522767</v>
      </c>
      <c r="L35" s="22">
        <v>-1.6682208211068431E-2</v>
      </c>
      <c r="M35" s="23">
        <v>0.27846455244629614</v>
      </c>
    </row>
    <row r="36" spans="1:13" ht="9.75" customHeight="1" x14ac:dyDescent="0.15">
      <c r="A36" s="19"/>
      <c r="B36" s="20" t="s">
        <v>42</v>
      </c>
      <c r="C36" s="6"/>
      <c r="D36" s="21">
        <v>1366</v>
      </c>
      <c r="E36" s="21">
        <v>95</v>
      </c>
      <c r="F36" s="21">
        <v>1751</v>
      </c>
      <c r="G36" s="21">
        <v>1656</v>
      </c>
      <c r="H36" s="21">
        <v>1271</v>
      </c>
      <c r="I36" s="21">
        <v>16361</v>
      </c>
      <c r="J36" s="21">
        <v>15090</v>
      </c>
      <c r="K36" s="22">
        <v>0.61608681141248955</v>
      </c>
      <c r="L36" s="22">
        <v>4.2846447352991583E-2</v>
      </c>
      <c r="M36" s="23">
        <v>0.57324036405949796</v>
      </c>
    </row>
    <row r="37" spans="1:13" ht="9.75" customHeight="1" x14ac:dyDescent="0.15">
      <c r="A37" s="19"/>
      <c r="B37" s="20" t="s">
        <v>43</v>
      </c>
      <c r="C37" s="6"/>
      <c r="D37" s="21">
        <v>-31</v>
      </c>
      <c r="E37" s="21">
        <v>-247</v>
      </c>
      <c r="F37" s="21">
        <v>1208</v>
      </c>
      <c r="G37" s="21">
        <v>1455</v>
      </c>
      <c r="H37" s="21">
        <v>216</v>
      </c>
      <c r="I37" s="21">
        <v>9810</v>
      </c>
      <c r="J37" s="21">
        <v>9594</v>
      </c>
      <c r="K37" s="22">
        <v>-1.7140613855145224E-2</v>
      </c>
      <c r="L37" s="22">
        <v>-0.13657198781357646</v>
      </c>
      <c r="M37" s="23">
        <v>0.11943137395843124</v>
      </c>
    </row>
    <row r="38" spans="1:13" ht="3.75" customHeight="1" x14ac:dyDescent="0.15">
      <c r="A38" s="19"/>
      <c r="B38" s="20"/>
      <c r="C38" s="6"/>
      <c r="D38" s="21"/>
      <c r="E38" s="21"/>
      <c r="F38" s="21"/>
      <c r="G38" s="21"/>
      <c r="H38" s="21"/>
      <c r="I38" s="21"/>
      <c r="J38" s="21"/>
      <c r="K38" s="22"/>
      <c r="L38" s="22"/>
      <c r="M38" s="23"/>
    </row>
    <row r="39" spans="1:13" ht="9.75" customHeight="1" x14ac:dyDescent="0.15">
      <c r="A39" s="33" t="s">
        <v>44</v>
      </c>
      <c r="B39" s="34"/>
      <c r="C39" s="24"/>
      <c r="D39" s="25">
        <v>511</v>
      </c>
      <c r="E39" s="25">
        <v>-2581</v>
      </c>
      <c r="F39" s="25">
        <v>4545</v>
      </c>
      <c r="G39" s="25">
        <v>7126</v>
      </c>
      <c r="H39" s="25">
        <v>3092</v>
      </c>
      <c r="I39" s="25">
        <v>34124</v>
      </c>
      <c r="J39" s="25">
        <v>31032</v>
      </c>
      <c r="K39" s="26">
        <v>7.0432824177066186E-2</v>
      </c>
      <c r="L39" s="26">
        <v>-0.35574778708612104</v>
      </c>
      <c r="M39" s="27">
        <v>0.42618061126318718</v>
      </c>
    </row>
    <row r="40" spans="1:13" ht="9.75" customHeight="1" x14ac:dyDescent="0.15">
      <c r="A40" s="19"/>
      <c r="B40" s="20" t="s">
        <v>29</v>
      </c>
      <c r="C40" s="6"/>
      <c r="D40" s="21">
        <v>-558</v>
      </c>
      <c r="E40" s="21">
        <v>-808</v>
      </c>
      <c r="F40" s="21">
        <v>960</v>
      </c>
      <c r="G40" s="21">
        <v>1768</v>
      </c>
      <c r="H40" s="21">
        <v>250</v>
      </c>
      <c r="I40" s="21">
        <v>7108</v>
      </c>
      <c r="J40" s="21">
        <v>6858</v>
      </c>
      <c r="K40" s="22">
        <v>-0.32819861309618337</v>
      </c>
      <c r="L40" s="22">
        <v>-0.47524100247619383</v>
      </c>
      <c r="M40" s="23">
        <v>0.14704238938001046</v>
      </c>
    </row>
    <row r="41" spans="1:13" ht="9.75" customHeight="1" x14ac:dyDescent="0.15">
      <c r="A41" s="19"/>
      <c r="B41" s="20" t="s">
        <v>45</v>
      </c>
      <c r="C41" s="6"/>
      <c r="D41" s="21">
        <v>78</v>
      </c>
      <c r="E41" s="21">
        <v>-949</v>
      </c>
      <c r="F41" s="21">
        <v>1704</v>
      </c>
      <c r="G41" s="21">
        <v>2653</v>
      </c>
      <c r="H41" s="21">
        <v>1027</v>
      </c>
      <c r="I41" s="21">
        <v>12063</v>
      </c>
      <c r="J41" s="21">
        <v>11036</v>
      </c>
      <c r="K41" s="22">
        <v>2.8467984466699757E-2</v>
      </c>
      <c r="L41" s="22">
        <v>-0.34636047767818035</v>
      </c>
      <c r="M41" s="23">
        <v>0.37482846214488014</v>
      </c>
    </row>
    <row r="42" spans="1:13" ht="9.75" customHeight="1" x14ac:dyDescent="0.15">
      <c r="A42" s="19"/>
      <c r="B42" s="20" t="s">
        <v>22</v>
      </c>
      <c r="C42" s="6"/>
      <c r="D42" s="21">
        <v>991</v>
      </c>
      <c r="E42" s="21">
        <v>-824</v>
      </c>
      <c r="F42" s="21">
        <v>1881</v>
      </c>
      <c r="G42" s="21">
        <v>2705</v>
      </c>
      <c r="H42" s="21">
        <v>1815</v>
      </c>
      <c r="I42" s="21">
        <v>14953</v>
      </c>
      <c r="J42" s="21">
        <v>13138</v>
      </c>
      <c r="K42" s="22">
        <v>0.3520388770279535</v>
      </c>
      <c r="L42" s="22">
        <v>-0.29271446485472624</v>
      </c>
      <c r="M42" s="23">
        <v>0.64475334188267985</v>
      </c>
    </row>
    <row r="43" spans="1:13" ht="3.75" customHeight="1" x14ac:dyDescent="0.15">
      <c r="A43" s="19"/>
      <c r="B43" s="20"/>
      <c r="C43" s="6"/>
      <c r="D43" s="21"/>
      <c r="E43" s="21"/>
      <c r="F43" s="21"/>
      <c r="G43" s="21"/>
      <c r="H43" s="21"/>
      <c r="I43" s="21"/>
      <c r="J43" s="21"/>
      <c r="K43" s="22"/>
      <c r="L43" s="22"/>
      <c r="M43" s="23"/>
    </row>
    <row r="44" spans="1:13" ht="9.75" customHeight="1" x14ac:dyDescent="0.15">
      <c r="A44" s="35" t="s">
        <v>46</v>
      </c>
      <c r="B44" s="36"/>
      <c r="C44" s="6"/>
      <c r="D44" s="21">
        <v>-4029</v>
      </c>
      <c r="E44" s="21">
        <v>-3308</v>
      </c>
      <c r="F44" s="21">
        <v>1844</v>
      </c>
      <c r="G44" s="21">
        <v>5152</v>
      </c>
      <c r="H44" s="21">
        <v>-721</v>
      </c>
      <c r="I44" s="21">
        <v>14118</v>
      </c>
      <c r="J44" s="21">
        <v>14839</v>
      </c>
      <c r="K44" s="22">
        <v>-1.0403084001869405</v>
      </c>
      <c r="L44" s="22">
        <v>-0.8541425137300569</v>
      </c>
      <c r="M44" s="23">
        <v>-0.18616588645688362</v>
      </c>
    </row>
    <row r="45" spans="1:13" ht="9.75" customHeight="1" x14ac:dyDescent="0.15">
      <c r="A45" s="35" t="s">
        <v>47</v>
      </c>
      <c r="B45" s="36"/>
      <c r="C45" s="6"/>
      <c r="D45" s="21">
        <v>-667</v>
      </c>
      <c r="E45" s="21">
        <v>-1398</v>
      </c>
      <c r="F45" s="21">
        <v>1417</v>
      </c>
      <c r="G45" s="21">
        <v>2815</v>
      </c>
      <c r="H45" s="21">
        <v>731</v>
      </c>
      <c r="I45" s="21">
        <v>8918</v>
      </c>
      <c r="J45" s="21">
        <v>8187</v>
      </c>
      <c r="K45" s="22">
        <v>-0.2582288674321907</v>
      </c>
      <c r="L45" s="22">
        <v>-0.54123531734663066</v>
      </c>
      <c r="M45" s="23">
        <v>0.28300644991443991</v>
      </c>
    </row>
    <row r="46" spans="1:13" ht="9.75" customHeight="1" x14ac:dyDescent="0.15">
      <c r="A46" s="35" t="s">
        <v>48</v>
      </c>
      <c r="B46" s="36"/>
      <c r="C46" s="6"/>
      <c r="D46" s="21">
        <v>-2</v>
      </c>
      <c r="E46" s="21">
        <v>-1160</v>
      </c>
      <c r="F46" s="21">
        <v>933</v>
      </c>
      <c r="G46" s="21">
        <v>2093</v>
      </c>
      <c r="H46" s="21">
        <v>1158</v>
      </c>
      <c r="I46" s="21">
        <v>7854</v>
      </c>
      <c r="J46" s="21">
        <v>6696</v>
      </c>
      <c r="K46" s="22">
        <v>-1.1580775911986102E-3</v>
      </c>
      <c r="L46" s="22">
        <v>-0.67168500289519395</v>
      </c>
      <c r="M46" s="23">
        <v>0.67052692530399538</v>
      </c>
    </row>
    <row r="47" spans="1:13" ht="9.75" customHeight="1" x14ac:dyDescent="0.15">
      <c r="A47" s="35" t="s">
        <v>49</v>
      </c>
      <c r="B47" s="36"/>
      <c r="C47" s="6"/>
      <c r="D47" s="21">
        <v>3637</v>
      </c>
      <c r="E47" s="21">
        <v>-930</v>
      </c>
      <c r="F47" s="21">
        <v>3099</v>
      </c>
      <c r="G47" s="21">
        <v>4029</v>
      </c>
      <c r="H47" s="21">
        <v>4567</v>
      </c>
      <c r="I47" s="21">
        <v>21470</v>
      </c>
      <c r="J47" s="21">
        <v>16903</v>
      </c>
      <c r="K47" s="22">
        <v>0.83023071602548437</v>
      </c>
      <c r="L47" s="22">
        <v>-0.21229435411154815</v>
      </c>
      <c r="M47" s="23">
        <v>1.0425250701370326</v>
      </c>
    </row>
    <row r="48" spans="1:13" ht="9.75" customHeight="1" x14ac:dyDescent="0.15">
      <c r="A48" s="35" t="s">
        <v>50</v>
      </c>
      <c r="B48" s="36"/>
      <c r="C48" s="6"/>
      <c r="D48" s="21">
        <v>-684</v>
      </c>
      <c r="E48" s="21">
        <v>-1239</v>
      </c>
      <c r="F48" s="21">
        <v>1068</v>
      </c>
      <c r="G48" s="21">
        <v>2307</v>
      </c>
      <c r="H48" s="21">
        <v>555</v>
      </c>
      <c r="I48" s="21">
        <v>6942</v>
      </c>
      <c r="J48" s="21">
        <v>6387</v>
      </c>
      <c r="K48" s="22">
        <v>-0.36246283961019349</v>
      </c>
      <c r="L48" s="22">
        <v>-0.65656645946934167</v>
      </c>
      <c r="M48" s="23">
        <v>0.29410361985914818</v>
      </c>
    </row>
    <row r="49" spans="1:13" ht="9.75" customHeight="1" x14ac:dyDescent="0.15">
      <c r="A49" s="35" t="s">
        <v>51</v>
      </c>
      <c r="B49" s="36"/>
      <c r="C49" s="6"/>
      <c r="D49" s="21">
        <v>1365</v>
      </c>
      <c r="E49" s="21">
        <v>-793</v>
      </c>
      <c r="F49" s="21">
        <v>1525</v>
      </c>
      <c r="G49" s="21">
        <v>2318</v>
      </c>
      <c r="H49" s="21">
        <v>2158</v>
      </c>
      <c r="I49" s="21">
        <v>10146</v>
      </c>
      <c r="J49" s="21">
        <v>7988</v>
      </c>
      <c r="K49" s="22">
        <v>0.56295624200932071</v>
      </c>
      <c r="L49" s="22">
        <v>-0.32705076916731968</v>
      </c>
      <c r="M49" s="23">
        <v>0.89000701117664049</v>
      </c>
    </row>
    <row r="50" spans="1:13" ht="9.75" customHeight="1" x14ac:dyDescent="0.15">
      <c r="A50" s="35" t="s">
        <v>52</v>
      </c>
      <c r="B50" s="36"/>
      <c r="C50" s="6"/>
      <c r="D50" s="21">
        <v>-207</v>
      </c>
      <c r="E50" s="21">
        <v>-369</v>
      </c>
      <c r="F50" s="21">
        <v>343</v>
      </c>
      <c r="G50" s="21">
        <v>712</v>
      </c>
      <c r="H50" s="21">
        <v>162</v>
      </c>
      <c r="I50" s="21">
        <v>2457</v>
      </c>
      <c r="J50" s="21">
        <v>2295</v>
      </c>
      <c r="K50" s="22">
        <v>-0.36267432896488888</v>
      </c>
      <c r="L50" s="22">
        <v>-0.64650641250262808</v>
      </c>
      <c r="M50" s="23">
        <v>0.28383208353773914</v>
      </c>
    </row>
    <row r="51" spans="1:13" ht="9.75" customHeight="1" x14ac:dyDescent="0.15">
      <c r="A51" s="35" t="s">
        <v>53</v>
      </c>
      <c r="B51" s="36"/>
      <c r="C51" s="6"/>
      <c r="D51" s="21">
        <v>-627</v>
      </c>
      <c r="E51" s="21">
        <v>-610</v>
      </c>
      <c r="F51" s="21">
        <v>157</v>
      </c>
      <c r="G51" s="21">
        <v>767</v>
      </c>
      <c r="H51" s="21">
        <v>-17</v>
      </c>
      <c r="I51" s="21">
        <v>1164</v>
      </c>
      <c r="J51" s="21">
        <v>1181</v>
      </c>
      <c r="K51" s="22">
        <v>-1.4932837953701059</v>
      </c>
      <c r="L51" s="22">
        <v>-1.4527960369629418</v>
      </c>
      <c r="M51" s="23">
        <v>-4.0487758407163954E-2</v>
      </c>
    </row>
    <row r="52" spans="1:13" ht="9.75" customHeight="1" x14ac:dyDescent="0.15">
      <c r="A52" s="35" t="s">
        <v>54</v>
      </c>
      <c r="B52" s="36"/>
      <c r="C52" s="6"/>
      <c r="D52" s="21">
        <v>-430</v>
      </c>
      <c r="E52" s="21">
        <v>-829</v>
      </c>
      <c r="F52" s="21">
        <v>780</v>
      </c>
      <c r="G52" s="21">
        <v>1609</v>
      </c>
      <c r="H52" s="21">
        <v>399</v>
      </c>
      <c r="I52" s="21">
        <v>5821</v>
      </c>
      <c r="J52" s="21">
        <v>5422</v>
      </c>
      <c r="K52" s="22">
        <v>-0.26481256812765197</v>
      </c>
      <c r="L52" s="22">
        <v>-0.51053399762284535</v>
      </c>
      <c r="M52" s="23">
        <v>0.24572142949519338</v>
      </c>
    </row>
    <row r="53" spans="1:13" ht="9.75" customHeight="1" x14ac:dyDescent="0.15">
      <c r="A53" s="35" t="s">
        <v>55</v>
      </c>
      <c r="B53" s="36"/>
      <c r="C53" s="6"/>
      <c r="D53" s="21">
        <v>-259</v>
      </c>
      <c r="E53" s="21">
        <v>-821</v>
      </c>
      <c r="F53" s="21">
        <v>1302</v>
      </c>
      <c r="G53" s="21">
        <v>2123</v>
      </c>
      <c r="H53" s="21">
        <v>562</v>
      </c>
      <c r="I53" s="21">
        <v>10144</v>
      </c>
      <c r="J53" s="21">
        <v>9582</v>
      </c>
      <c r="K53" s="22">
        <v>-0.11571281776348122</v>
      </c>
      <c r="L53" s="22">
        <v>-0.36679622928115091</v>
      </c>
      <c r="M53" s="23">
        <v>0.25108341151766966</v>
      </c>
    </row>
    <row r="54" spans="1:13" ht="9.75" customHeight="1" x14ac:dyDescent="0.15">
      <c r="A54" s="35" t="s">
        <v>56</v>
      </c>
      <c r="B54" s="36"/>
      <c r="C54" s="6"/>
      <c r="D54" s="21">
        <v>1939</v>
      </c>
      <c r="E54" s="21">
        <v>-429</v>
      </c>
      <c r="F54" s="21">
        <v>1819</v>
      </c>
      <c r="G54" s="21">
        <v>2248</v>
      </c>
      <c r="H54" s="21">
        <v>2368</v>
      </c>
      <c r="I54" s="21">
        <v>13570</v>
      </c>
      <c r="J54" s="21">
        <v>11202</v>
      </c>
      <c r="K54" s="22">
        <v>0.8091168566707283</v>
      </c>
      <c r="L54" s="22">
        <v>-0.17901553971724726</v>
      </c>
      <c r="M54" s="23">
        <v>0.98813239638797545</v>
      </c>
    </row>
    <row r="55" spans="1:13" ht="9.75" customHeight="1" x14ac:dyDescent="0.15">
      <c r="A55" s="35" t="s">
        <v>57</v>
      </c>
      <c r="B55" s="36"/>
      <c r="C55" s="6"/>
      <c r="D55" s="21">
        <v>-418</v>
      </c>
      <c r="E55" s="21">
        <v>-422</v>
      </c>
      <c r="F55" s="21">
        <v>603</v>
      </c>
      <c r="G55" s="21">
        <v>1025</v>
      </c>
      <c r="H55" s="21">
        <v>4</v>
      </c>
      <c r="I55" s="21">
        <v>4463</v>
      </c>
      <c r="J55" s="21">
        <v>4459</v>
      </c>
      <c r="K55" s="22">
        <v>-0.41169692015246578</v>
      </c>
      <c r="L55" s="22">
        <v>-0.41563660359890087</v>
      </c>
      <c r="M55" s="23">
        <v>3.9396834464350793E-3</v>
      </c>
    </row>
    <row r="56" spans="1:13" ht="9.75" customHeight="1" x14ac:dyDescent="0.15">
      <c r="A56" s="35" t="s">
        <v>58</v>
      </c>
      <c r="B56" s="36"/>
      <c r="C56" s="6"/>
      <c r="D56" s="21">
        <v>824</v>
      </c>
      <c r="E56" s="21">
        <v>-156</v>
      </c>
      <c r="F56" s="21">
        <v>1018</v>
      </c>
      <c r="G56" s="21">
        <v>1174</v>
      </c>
      <c r="H56" s="21">
        <v>980</v>
      </c>
      <c r="I56" s="21">
        <v>6699</v>
      </c>
      <c r="J56" s="21">
        <v>5719</v>
      </c>
      <c r="K56" s="22">
        <v>0.60278421934322857</v>
      </c>
      <c r="L56" s="22">
        <v>-0.11411934249701899</v>
      </c>
      <c r="M56" s="23">
        <v>0.71690356184024762</v>
      </c>
    </row>
    <row r="57" spans="1:13" ht="9.75" customHeight="1" x14ac:dyDescent="0.15">
      <c r="A57" s="35" t="s">
        <v>59</v>
      </c>
      <c r="B57" s="36"/>
      <c r="C57" s="6"/>
      <c r="D57" s="21">
        <v>-135</v>
      </c>
      <c r="E57" s="21">
        <v>-423</v>
      </c>
      <c r="F57" s="21">
        <v>833</v>
      </c>
      <c r="G57" s="21">
        <v>1256</v>
      </c>
      <c r="H57" s="21">
        <v>288</v>
      </c>
      <c r="I57" s="21">
        <v>6224</v>
      </c>
      <c r="J57" s="21">
        <v>5936</v>
      </c>
      <c r="K57" s="22">
        <v>-0.10196759696363156</v>
      </c>
      <c r="L57" s="22">
        <v>-0.31949847048604552</v>
      </c>
      <c r="M57" s="23">
        <v>0.21753087352241399</v>
      </c>
    </row>
    <row r="58" spans="1:13" ht="9.75" customHeight="1" x14ac:dyDescent="0.15">
      <c r="A58" s="35" t="s">
        <v>60</v>
      </c>
      <c r="B58" s="36"/>
      <c r="C58" s="6"/>
      <c r="D58" s="21">
        <v>-399</v>
      </c>
      <c r="E58" s="21">
        <v>-350</v>
      </c>
      <c r="F58" s="21">
        <v>163</v>
      </c>
      <c r="G58" s="21">
        <v>513</v>
      </c>
      <c r="H58" s="21">
        <v>-49</v>
      </c>
      <c r="I58" s="21">
        <v>1322</v>
      </c>
      <c r="J58" s="21">
        <v>1371</v>
      </c>
      <c r="K58" s="22">
        <v>-0.97959784930396998</v>
      </c>
      <c r="L58" s="22">
        <v>-0.85929635903857005</v>
      </c>
      <c r="M58" s="23">
        <v>-0.12030149026539982</v>
      </c>
    </row>
    <row r="59" spans="1:13" ht="9.75" customHeight="1" x14ac:dyDescent="0.15">
      <c r="A59" s="35" t="s">
        <v>61</v>
      </c>
      <c r="B59" s="36"/>
      <c r="C59" s="6"/>
      <c r="D59" s="21">
        <v>-441</v>
      </c>
      <c r="E59" s="21">
        <v>-292</v>
      </c>
      <c r="F59" s="21">
        <v>559</v>
      </c>
      <c r="G59" s="21">
        <v>851</v>
      </c>
      <c r="H59" s="21">
        <v>-149</v>
      </c>
      <c r="I59" s="21">
        <v>3688</v>
      </c>
      <c r="J59" s="21">
        <v>3837</v>
      </c>
      <c r="K59" s="22">
        <v>-0.52659860290166571</v>
      </c>
      <c r="L59" s="22">
        <v>-0.34867753298704401</v>
      </c>
      <c r="M59" s="23">
        <v>-0.17792106991462178</v>
      </c>
    </row>
    <row r="60" spans="1:13" ht="3.75" customHeight="1" x14ac:dyDescent="0.15">
      <c r="A60" s="19"/>
      <c r="B60" s="20"/>
      <c r="C60" s="6"/>
      <c r="D60" s="21"/>
      <c r="E60" s="21"/>
      <c r="F60" s="21"/>
      <c r="G60" s="21"/>
      <c r="H60" s="21"/>
      <c r="I60" s="21"/>
      <c r="J60" s="21"/>
      <c r="K60" s="22"/>
      <c r="L60" s="22"/>
      <c r="M60" s="23"/>
    </row>
    <row r="61" spans="1:13" ht="9.75" customHeight="1" x14ac:dyDescent="0.15">
      <c r="A61" s="35" t="s">
        <v>62</v>
      </c>
      <c r="B61" s="36"/>
      <c r="C61" s="6"/>
      <c r="D61" s="21">
        <v>-54</v>
      </c>
      <c r="E61" s="21">
        <v>-239</v>
      </c>
      <c r="F61" s="21">
        <v>127</v>
      </c>
      <c r="G61" s="21">
        <v>366</v>
      </c>
      <c r="H61" s="21">
        <v>185</v>
      </c>
      <c r="I61" s="21">
        <v>1330</v>
      </c>
      <c r="J61" s="21">
        <v>1145</v>
      </c>
      <c r="K61" s="22">
        <v>-0.17032013877937235</v>
      </c>
      <c r="L61" s="22">
        <v>-0.75382431793092575</v>
      </c>
      <c r="M61" s="23">
        <v>0.58350417915155339</v>
      </c>
    </row>
    <row r="62" spans="1:13" ht="3.75" customHeight="1" x14ac:dyDescent="0.15">
      <c r="A62" s="19"/>
      <c r="B62" s="20"/>
      <c r="C62" s="6"/>
      <c r="D62" s="21"/>
      <c r="E62" s="21"/>
      <c r="F62" s="21"/>
      <c r="G62" s="21"/>
      <c r="H62" s="21"/>
      <c r="I62" s="21"/>
      <c r="J62" s="21"/>
      <c r="K62" s="22"/>
      <c r="L62" s="22"/>
      <c r="M62" s="23"/>
    </row>
    <row r="63" spans="1:13" ht="9.75" customHeight="1" x14ac:dyDescent="0.15">
      <c r="A63" s="35" t="s">
        <v>63</v>
      </c>
      <c r="B63" s="36"/>
      <c r="C63" s="6"/>
      <c r="D63" s="21">
        <v>132</v>
      </c>
      <c r="E63" s="21">
        <v>-214</v>
      </c>
      <c r="F63" s="21">
        <v>306</v>
      </c>
      <c r="G63" s="21">
        <v>520</v>
      </c>
      <c r="H63" s="21">
        <v>346</v>
      </c>
      <c r="I63" s="21">
        <v>2115</v>
      </c>
      <c r="J63" s="21">
        <v>1769</v>
      </c>
      <c r="K63" s="22">
        <v>0.27251331599157685</v>
      </c>
      <c r="L63" s="22">
        <v>-0.44180189107725337</v>
      </c>
      <c r="M63" s="23">
        <v>0.71431520706883023</v>
      </c>
    </row>
    <row r="64" spans="1:13" ht="3.75" customHeight="1" x14ac:dyDescent="0.15">
      <c r="A64" s="19"/>
      <c r="B64" s="20"/>
      <c r="C64" s="6"/>
      <c r="D64" s="21"/>
      <c r="E64" s="21"/>
      <c r="F64" s="21"/>
      <c r="G64" s="21"/>
      <c r="H64" s="21"/>
      <c r="I64" s="21"/>
      <c r="J64" s="21"/>
      <c r="K64" s="22"/>
      <c r="L64" s="22"/>
      <c r="M64" s="23"/>
    </row>
    <row r="65" spans="1:13" ht="9.75" customHeight="1" x14ac:dyDescent="0.15">
      <c r="A65" s="33" t="s">
        <v>64</v>
      </c>
      <c r="B65" s="34"/>
      <c r="C65" s="24"/>
      <c r="D65" s="25">
        <v>-385</v>
      </c>
      <c r="E65" s="25">
        <v>-502</v>
      </c>
      <c r="F65" s="25">
        <v>256</v>
      </c>
      <c r="G65" s="25">
        <v>758</v>
      </c>
      <c r="H65" s="25">
        <v>117</v>
      </c>
      <c r="I65" s="25">
        <v>2234</v>
      </c>
      <c r="J65" s="25">
        <v>2117</v>
      </c>
      <c r="K65" s="26">
        <v>-0.65017309803259304</v>
      </c>
      <c r="L65" s="26">
        <v>-0.84775816938275761</v>
      </c>
      <c r="M65" s="27">
        <v>0.19758507135016465</v>
      </c>
    </row>
    <row r="66" spans="1:13" ht="9.75" customHeight="1" x14ac:dyDescent="0.15">
      <c r="A66" s="19"/>
      <c r="B66" s="20" t="s">
        <v>65</v>
      </c>
      <c r="C66" s="6"/>
      <c r="D66" s="21">
        <v>-247</v>
      </c>
      <c r="E66" s="21">
        <v>-255</v>
      </c>
      <c r="F66" s="21">
        <v>140</v>
      </c>
      <c r="G66" s="21">
        <v>395</v>
      </c>
      <c r="H66" s="21">
        <v>8</v>
      </c>
      <c r="I66" s="21">
        <v>1132</v>
      </c>
      <c r="J66" s="21">
        <v>1124</v>
      </c>
      <c r="K66" s="22">
        <v>-0.77898322189983604</v>
      </c>
      <c r="L66" s="22">
        <v>-0.80421344771035697</v>
      </c>
      <c r="M66" s="23">
        <v>2.5230225810521003E-2</v>
      </c>
    </row>
    <row r="67" spans="1:13" ht="9.75" customHeight="1" x14ac:dyDescent="0.15">
      <c r="A67" s="19"/>
      <c r="B67" s="20" t="s">
        <v>66</v>
      </c>
      <c r="C67" s="6"/>
      <c r="D67" s="21">
        <v>-138</v>
      </c>
      <c r="E67" s="21">
        <v>-247</v>
      </c>
      <c r="F67" s="21">
        <v>116</v>
      </c>
      <c r="G67" s="21">
        <v>363</v>
      </c>
      <c r="H67" s="21">
        <v>109</v>
      </c>
      <c r="I67" s="21">
        <v>1102</v>
      </c>
      <c r="J67" s="21">
        <v>993</v>
      </c>
      <c r="K67" s="22">
        <v>-0.50169047878721784</v>
      </c>
      <c r="L67" s="22">
        <v>-0.89795324826407819</v>
      </c>
      <c r="M67" s="23">
        <v>0.39626276947686045</v>
      </c>
    </row>
    <row r="68" spans="1:13" ht="3.75" customHeight="1" x14ac:dyDescent="0.15">
      <c r="A68" s="19"/>
      <c r="B68" s="20"/>
      <c r="C68" s="6"/>
      <c r="D68" s="21"/>
      <c r="E68" s="21"/>
      <c r="F68" s="21"/>
      <c r="G68" s="21"/>
      <c r="H68" s="21"/>
      <c r="I68" s="21"/>
      <c r="J68" s="21"/>
      <c r="K68" s="22"/>
      <c r="L68" s="22"/>
      <c r="M68" s="23"/>
    </row>
    <row r="69" spans="1:13" ht="9.75" customHeight="1" x14ac:dyDescent="0.15">
      <c r="A69" s="33" t="s">
        <v>67</v>
      </c>
      <c r="B69" s="34"/>
      <c r="C69" s="24"/>
      <c r="D69" s="25">
        <v>-319</v>
      </c>
      <c r="E69" s="25">
        <v>-379</v>
      </c>
      <c r="F69" s="25">
        <v>374</v>
      </c>
      <c r="G69" s="25">
        <v>753</v>
      </c>
      <c r="H69" s="25">
        <v>60</v>
      </c>
      <c r="I69" s="25">
        <v>2350</v>
      </c>
      <c r="J69" s="25">
        <v>2290</v>
      </c>
      <c r="K69" s="26">
        <v>-0.48818560235063663</v>
      </c>
      <c r="L69" s="26">
        <v>-0.5800073457394711</v>
      </c>
      <c r="M69" s="27">
        <v>9.1821743388834476E-2</v>
      </c>
    </row>
    <row r="70" spans="1:13" ht="9.75" customHeight="1" x14ac:dyDescent="0.15">
      <c r="A70" s="19"/>
      <c r="B70" s="20" t="s">
        <v>68</v>
      </c>
      <c r="C70" s="6"/>
      <c r="D70" s="21">
        <v>-163</v>
      </c>
      <c r="E70" s="21">
        <v>-99</v>
      </c>
      <c r="F70" s="21">
        <v>32</v>
      </c>
      <c r="G70" s="21">
        <v>131</v>
      </c>
      <c r="H70" s="21">
        <v>-64</v>
      </c>
      <c r="I70" s="21">
        <v>237</v>
      </c>
      <c r="J70" s="21">
        <v>301</v>
      </c>
      <c r="K70" s="22">
        <v>-1.7596890856094136</v>
      </c>
      <c r="L70" s="22">
        <v>-1.0687682176400735</v>
      </c>
      <c r="M70" s="23">
        <v>-0.69092086796934038</v>
      </c>
    </row>
    <row r="71" spans="1:13" ht="9.75" customHeight="1" x14ac:dyDescent="0.15">
      <c r="A71" s="19"/>
      <c r="B71" s="20" t="s">
        <v>69</v>
      </c>
      <c r="C71" s="6"/>
      <c r="D71" s="21">
        <v>34</v>
      </c>
      <c r="E71" s="21">
        <v>-63</v>
      </c>
      <c r="F71" s="21">
        <v>113</v>
      </c>
      <c r="G71" s="21">
        <v>176</v>
      </c>
      <c r="H71" s="21">
        <v>97</v>
      </c>
      <c r="I71" s="21">
        <v>687</v>
      </c>
      <c r="J71" s="21">
        <v>590</v>
      </c>
      <c r="K71" s="22">
        <v>0.19812365246780492</v>
      </c>
      <c r="L71" s="22">
        <v>-0.36711147369034436</v>
      </c>
      <c r="M71" s="23">
        <v>0.5652351261581493</v>
      </c>
    </row>
    <row r="72" spans="1:13" ht="9.75" customHeight="1" x14ac:dyDescent="0.15">
      <c r="A72" s="19"/>
      <c r="B72" s="20" t="s">
        <v>70</v>
      </c>
      <c r="C72" s="6"/>
      <c r="D72" s="21">
        <v>-176</v>
      </c>
      <c r="E72" s="21">
        <v>-85</v>
      </c>
      <c r="F72" s="21">
        <v>47</v>
      </c>
      <c r="G72" s="21">
        <v>132</v>
      </c>
      <c r="H72" s="21">
        <v>-91</v>
      </c>
      <c r="I72" s="21">
        <v>458</v>
      </c>
      <c r="J72" s="21">
        <v>549</v>
      </c>
      <c r="K72" s="22">
        <v>-1.6312911298544814</v>
      </c>
      <c r="L72" s="22">
        <v>-0.78783946612290301</v>
      </c>
      <c r="M72" s="23">
        <v>-0.84345166373157843</v>
      </c>
    </row>
    <row r="73" spans="1:13" ht="9.75" customHeight="1" x14ac:dyDescent="0.15">
      <c r="A73" s="19"/>
      <c r="B73" s="20" t="s">
        <v>71</v>
      </c>
      <c r="C73" s="6"/>
      <c r="D73" s="21">
        <v>-177</v>
      </c>
      <c r="E73" s="21">
        <v>-138</v>
      </c>
      <c r="F73" s="21">
        <v>30</v>
      </c>
      <c r="G73" s="21">
        <v>168</v>
      </c>
      <c r="H73" s="21">
        <v>-39</v>
      </c>
      <c r="I73" s="21">
        <v>224</v>
      </c>
      <c r="J73" s="21">
        <v>263</v>
      </c>
      <c r="K73" s="22">
        <v>-1.8185554299804789</v>
      </c>
      <c r="L73" s="22">
        <v>-1.4178567759169833</v>
      </c>
      <c r="M73" s="23">
        <v>-0.40069865406349531</v>
      </c>
    </row>
    <row r="74" spans="1:13" ht="9.75" customHeight="1" x14ac:dyDescent="0.15">
      <c r="A74" s="19"/>
      <c r="B74" s="20" t="s">
        <v>72</v>
      </c>
      <c r="C74" s="6"/>
      <c r="D74" s="21">
        <v>163</v>
      </c>
      <c r="E74" s="21">
        <v>6</v>
      </c>
      <c r="F74" s="21">
        <v>152</v>
      </c>
      <c r="G74" s="21">
        <v>146</v>
      </c>
      <c r="H74" s="21">
        <v>157</v>
      </c>
      <c r="I74" s="21">
        <v>744</v>
      </c>
      <c r="J74" s="21">
        <v>587</v>
      </c>
      <c r="K74" s="22">
        <v>0.88596586585498427</v>
      </c>
      <c r="L74" s="22">
        <v>3.2612240460919664E-2</v>
      </c>
      <c r="M74" s="23">
        <v>0.85335362539406456</v>
      </c>
    </row>
    <row r="75" spans="1:13" ht="3.75" customHeight="1" x14ac:dyDescent="0.15">
      <c r="A75" s="19"/>
      <c r="B75" s="20"/>
      <c r="C75" s="6"/>
      <c r="D75" s="21"/>
      <c r="E75" s="21"/>
      <c r="F75" s="21"/>
      <c r="G75" s="21"/>
      <c r="H75" s="21"/>
      <c r="I75" s="21"/>
      <c r="J75" s="21"/>
      <c r="K75" s="22"/>
      <c r="L75" s="22"/>
      <c r="M75" s="23"/>
    </row>
    <row r="76" spans="1:13" ht="9.75" customHeight="1" x14ac:dyDescent="0.15">
      <c r="A76" s="33" t="s">
        <v>73</v>
      </c>
      <c r="B76" s="34"/>
      <c r="C76" s="24"/>
      <c r="D76" s="25">
        <v>-637</v>
      </c>
      <c r="E76" s="25">
        <v>-631</v>
      </c>
      <c r="F76" s="25">
        <v>125</v>
      </c>
      <c r="G76" s="25">
        <v>756</v>
      </c>
      <c r="H76" s="25">
        <v>-6</v>
      </c>
      <c r="I76" s="25">
        <v>2248</v>
      </c>
      <c r="J76" s="25">
        <v>2254</v>
      </c>
      <c r="K76" s="26">
        <v>-1.5410668924640136</v>
      </c>
      <c r="L76" s="26">
        <v>-1.5265513487359379</v>
      </c>
      <c r="M76" s="27">
        <v>-1.4515543728075482E-2</v>
      </c>
    </row>
    <row r="77" spans="1:13" ht="9.75" customHeight="1" x14ac:dyDescent="0.15">
      <c r="A77" s="19"/>
      <c r="B77" s="20" t="s">
        <v>74</v>
      </c>
      <c r="C77" s="6"/>
      <c r="D77" s="21">
        <v>-163</v>
      </c>
      <c r="E77" s="21">
        <v>-152</v>
      </c>
      <c r="F77" s="21">
        <v>25</v>
      </c>
      <c r="G77" s="21">
        <v>177</v>
      </c>
      <c r="H77" s="21">
        <v>-11</v>
      </c>
      <c r="I77" s="21">
        <v>1020</v>
      </c>
      <c r="J77" s="21">
        <v>1031</v>
      </c>
      <c r="K77" s="22">
        <v>-1.4495331258337039</v>
      </c>
      <c r="L77" s="22">
        <v>-1.3517118719430858</v>
      </c>
      <c r="M77" s="23">
        <v>-9.7821253890618048E-2</v>
      </c>
    </row>
    <row r="78" spans="1:13" ht="9.75" customHeight="1" x14ac:dyDescent="0.15">
      <c r="A78" s="19"/>
      <c r="B78" s="20" t="s">
        <v>75</v>
      </c>
      <c r="C78" s="6"/>
      <c r="D78" s="21">
        <v>-132</v>
      </c>
      <c r="E78" s="21">
        <v>-120</v>
      </c>
      <c r="F78" s="21">
        <v>18</v>
      </c>
      <c r="G78" s="21">
        <v>138</v>
      </c>
      <c r="H78" s="21">
        <v>-12</v>
      </c>
      <c r="I78" s="21">
        <v>191</v>
      </c>
      <c r="J78" s="21">
        <v>203</v>
      </c>
      <c r="K78" s="22">
        <v>-1.9680930371253913</v>
      </c>
      <c r="L78" s="22">
        <v>-1.7891754882958102</v>
      </c>
      <c r="M78" s="23">
        <v>-0.17891754882958102</v>
      </c>
    </row>
    <row r="79" spans="1:13" ht="9.75" customHeight="1" x14ac:dyDescent="0.15">
      <c r="A79" s="19"/>
      <c r="B79" s="20" t="s">
        <v>76</v>
      </c>
      <c r="C79" s="6"/>
      <c r="D79" s="21">
        <v>-342</v>
      </c>
      <c r="E79" s="21">
        <v>-359</v>
      </c>
      <c r="F79" s="21">
        <v>82</v>
      </c>
      <c r="G79" s="21">
        <v>441</v>
      </c>
      <c r="H79" s="21">
        <v>17</v>
      </c>
      <c r="I79" s="21">
        <v>1037</v>
      </c>
      <c r="J79" s="21">
        <v>1020</v>
      </c>
      <c r="K79" s="22">
        <v>-1.4626010349399137</v>
      </c>
      <c r="L79" s="22">
        <v>-1.5353034255655817</v>
      </c>
      <c r="M79" s="23">
        <v>7.2702390625668231E-2</v>
      </c>
    </row>
    <row r="80" spans="1:13" ht="3.75" customHeight="1" x14ac:dyDescent="0.15">
      <c r="A80" s="19"/>
      <c r="B80" s="20"/>
      <c r="C80" s="6"/>
      <c r="D80" s="21"/>
      <c r="E80" s="21"/>
      <c r="F80" s="21"/>
      <c r="G80" s="21"/>
      <c r="H80" s="21"/>
      <c r="I80" s="21"/>
      <c r="J80" s="21"/>
      <c r="K80" s="22"/>
      <c r="L80" s="22"/>
      <c r="M80" s="23"/>
    </row>
    <row r="81" spans="1:20" ht="9.75" customHeight="1" x14ac:dyDescent="0.15">
      <c r="A81" s="33" t="s">
        <v>77</v>
      </c>
      <c r="B81" s="34"/>
      <c r="C81" s="24"/>
      <c r="D81" s="25">
        <v>-310</v>
      </c>
      <c r="E81" s="25">
        <v>-295</v>
      </c>
      <c r="F81" s="25">
        <v>198</v>
      </c>
      <c r="G81" s="25">
        <v>493</v>
      </c>
      <c r="H81" s="25">
        <v>-15</v>
      </c>
      <c r="I81" s="25">
        <v>1733</v>
      </c>
      <c r="J81" s="25">
        <v>1748</v>
      </c>
      <c r="K81" s="26">
        <v>-0.72409604783705506</v>
      </c>
      <c r="L81" s="26">
        <v>-0.6890591422965523</v>
      </c>
      <c r="M81" s="27">
        <v>-3.5036905540502664E-2</v>
      </c>
    </row>
    <row r="82" spans="1:20" ht="9.75" customHeight="1" x14ac:dyDescent="0.15">
      <c r="A82" s="19"/>
      <c r="B82" s="20" t="s">
        <v>78</v>
      </c>
      <c r="C82" s="6"/>
      <c r="D82" s="21">
        <v>-287</v>
      </c>
      <c r="E82" s="21">
        <v>-272</v>
      </c>
      <c r="F82" s="21">
        <v>185</v>
      </c>
      <c r="G82" s="21">
        <v>457</v>
      </c>
      <c r="H82" s="21">
        <v>-15</v>
      </c>
      <c r="I82" s="21">
        <v>1632</v>
      </c>
      <c r="J82" s="21">
        <v>1647</v>
      </c>
      <c r="K82" s="22">
        <v>-0.72148621131752932</v>
      </c>
      <c r="L82" s="22">
        <v>-0.68377787274692681</v>
      </c>
      <c r="M82" s="23">
        <v>-3.770833857060258E-2</v>
      </c>
    </row>
    <row r="83" spans="1:20" ht="9.75" customHeight="1" x14ac:dyDescent="0.15">
      <c r="A83" s="19"/>
      <c r="B83" s="20" t="s">
        <v>79</v>
      </c>
      <c r="C83" s="6"/>
      <c r="D83" s="21">
        <v>-23</v>
      </c>
      <c r="E83" s="21">
        <v>-23</v>
      </c>
      <c r="F83" s="21">
        <v>13</v>
      </c>
      <c r="G83" s="21">
        <v>36</v>
      </c>
      <c r="H83" s="21">
        <v>0</v>
      </c>
      <c r="I83" s="21">
        <v>101</v>
      </c>
      <c r="J83" s="21">
        <v>101</v>
      </c>
      <c r="K83" s="22">
        <v>-0.75832509066930431</v>
      </c>
      <c r="L83" s="22">
        <v>-0.75832509066930431</v>
      </c>
      <c r="M83" s="23">
        <v>0</v>
      </c>
    </row>
    <row r="84" spans="1:20" ht="3.75" customHeight="1" thickBot="1" x14ac:dyDescent="0.2">
      <c r="A84" s="28"/>
      <c r="B84" s="29"/>
      <c r="C84" s="29"/>
      <c r="D84" s="30"/>
      <c r="E84" s="30"/>
      <c r="F84" s="30"/>
      <c r="G84" s="30"/>
      <c r="H84" s="30"/>
      <c r="I84" s="30"/>
      <c r="J84" s="30"/>
      <c r="K84" s="31"/>
      <c r="L84" s="31"/>
      <c r="M84" s="32"/>
    </row>
    <row r="85" spans="1:20" s="54" customFormat="1" ht="13.5" customHeight="1" x14ac:dyDescent="0.15">
      <c r="A85" s="52" t="s">
        <v>80</v>
      </c>
      <c r="B85" s="52"/>
      <c r="C85" s="52"/>
      <c r="D85" s="52"/>
      <c r="E85" s="52"/>
      <c r="F85" s="52"/>
      <c r="G85" s="52"/>
      <c r="H85" s="52"/>
      <c r="I85" s="52"/>
      <c r="J85" s="52"/>
      <c r="K85" s="52"/>
      <c r="L85" s="52"/>
      <c r="M85" s="52"/>
      <c r="N85" s="53"/>
      <c r="O85" s="53"/>
      <c r="P85" s="53"/>
      <c r="Q85" s="53"/>
      <c r="R85" s="53"/>
      <c r="S85" s="53"/>
      <c r="T85" s="53"/>
    </row>
  </sheetData>
  <mergeCells count="37">
    <mergeCell ref="A1:M1"/>
    <mergeCell ref="A2:C2"/>
    <mergeCell ref="K2:M2"/>
    <mergeCell ref="A3:C4"/>
    <mergeCell ref="D3:D4"/>
    <mergeCell ref="E3:G3"/>
    <mergeCell ref="H3:J3"/>
    <mergeCell ref="K3:M3"/>
    <mergeCell ref="A49:B49"/>
    <mergeCell ref="A6:B6"/>
    <mergeCell ref="A7:B7"/>
    <mergeCell ref="A8:B8"/>
    <mergeCell ref="A10:B10"/>
    <mergeCell ref="A30:B30"/>
    <mergeCell ref="A39:B39"/>
    <mergeCell ref="A44:B44"/>
    <mergeCell ref="A45:B45"/>
    <mergeCell ref="A46:B46"/>
    <mergeCell ref="A47:B47"/>
    <mergeCell ref="A48:B48"/>
    <mergeCell ref="A63:B63"/>
    <mergeCell ref="A50:B50"/>
    <mergeCell ref="A51:B51"/>
    <mergeCell ref="A52:B52"/>
    <mergeCell ref="A53:B53"/>
    <mergeCell ref="A54:B54"/>
    <mergeCell ref="A55:B55"/>
    <mergeCell ref="A56:B56"/>
    <mergeCell ref="A57:B57"/>
    <mergeCell ref="A58:B58"/>
    <mergeCell ref="A59:B59"/>
    <mergeCell ref="A61:B61"/>
    <mergeCell ref="A65:B65"/>
    <mergeCell ref="A69:B69"/>
    <mergeCell ref="A76:B76"/>
    <mergeCell ref="A81:B81"/>
    <mergeCell ref="A85:M85"/>
  </mergeCells>
  <phoneticPr fontId="2"/>
  <printOptions horizontalCentered="1"/>
  <pageMargins left="0.74803149606299213" right="0.74803149606299213" top="0.74803149606299213" bottom="0.74803149606299213" header="0.31496062992125984" footer="0.31496062992125984"/>
  <pageSetup paperSize="9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第６表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user</cp:lastModifiedBy>
  <dcterms:created xsi:type="dcterms:W3CDTF">2022-01-28T00:29:43Z</dcterms:created>
  <dcterms:modified xsi:type="dcterms:W3CDTF">2022-02-16T00:45:55Z</dcterms:modified>
</cp:coreProperties>
</file>